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5\02. Oddelenie VO\01. Prebiehajúce zákazky\06. Robo\44-2025 Monitory vitálnych funkcií\03. Príprava\06. PTK\01. Odoslané\"/>
    </mc:Choice>
  </mc:AlternateContent>
  <bookViews>
    <workbookView xWindow="-120" yWindow="-120" windowWidth="25440" windowHeight="15390"/>
  </bookViews>
  <sheets>
    <sheet name="PTK - Ponuka" sheetId="8" r:id="rId1"/>
  </sheets>
  <definedNames>
    <definedName name="_xlnm.Print_Area" localSheetId="0">'PTK - Ponuka'!$A$1:$F$318</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39" uniqueCount="440">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oznámka:</t>
  </si>
  <si>
    <t>- povinné údaje vyplní uchádzač</t>
  </si>
  <si>
    <t>Kalkulácia ceny - Štruktúrovaný rozpočet ceny predmetu zákazky</t>
  </si>
  <si>
    <t>60000000-8 Dopravné služby (bez prepravy odpadu)</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t xml:space="preserve">Požadované množstvo MJ za zmluvné obdobie </t>
  </si>
  <si>
    <t>1.1</t>
  </si>
  <si>
    <t>1.2</t>
  </si>
  <si>
    <t>1.3</t>
  </si>
  <si>
    <t>1.4</t>
  </si>
  <si>
    <t>1.5</t>
  </si>
  <si>
    <t>1.6</t>
  </si>
  <si>
    <t>2.1</t>
  </si>
  <si>
    <t>2.2</t>
  </si>
  <si>
    <t>2.3</t>
  </si>
  <si>
    <t>3.1</t>
  </si>
  <si>
    <t>3.2</t>
  </si>
  <si>
    <t>3.3</t>
  </si>
  <si>
    <r>
      <rPr>
        <sz val="10"/>
        <color theme="1"/>
        <rFont val="Arial"/>
        <family val="2"/>
        <charset val="238"/>
      </rPr>
      <t>V prípade, ak je to relevantné,</t>
    </r>
    <r>
      <rPr>
        <b/>
        <sz val="10"/>
        <color theme="1"/>
        <rFont val="Arial"/>
        <family val="2"/>
        <charset val="238"/>
      </rPr>
      <t xml:space="preserve"> Potvrdenie ŠÚKL </t>
    </r>
    <r>
      <rPr>
        <sz val="10"/>
        <color theme="1"/>
        <rFont val="Arial"/>
        <family val="2"/>
        <charset val="238"/>
      </rPr>
      <t>(výstup z databázy registrovaných/evidovaných zdravotníckych pomôcok), resp. iné doklady, ktoré nahrádzajú požadované potvrdenie</t>
    </r>
  </si>
  <si>
    <r>
      <t xml:space="preserve">V prípade, ak je to relevantné, právoplatné </t>
    </r>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t>33195000-3 Systém monitorovania pacientov</t>
  </si>
  <si>
    <t>33195200-5 Centrálne monitorovacie stanice</t>
  </si>
  <si>
    <t>51410000-9 Inštalácia lekárskych zariadení</t>
  </si>
  <si>
    <t>5.</t>
  </si>
  <si>
    <t>6.</t>
  </si>
  <si>
    <t>7.</t>
  </si>
  <si>
    <t>8.</t>
  </si>
  <si>
    <t>9.</t>
  </si>
  <si>
    <t>10.</t>
  </si>
  <si>
    <t>11.</t>
  </si>
  <si>
    <t>12.</t>
  </si>
  <si>
    <t>13.</t>
  </si>
  <si>
    <t>14.</t>
  </si>
  <si>
    <t>Požadované minimálne osobitné požiadavky na predmet zákazky a doklady:</t>
  </si>
  <si>
    <t>Monitory vitálnych funkcií vrátane transportných modulov</t>
  </si>
  <si>
    <t>Poradové číslo položky</t>
  </si>
  <si>
    <t>Modulárny monitor vitálnych funkcií min. 15"</t>
  </si>
  <si>
    <t>Modulárny monitor vitálnych funkcií min. 19"</t>
  </si>
  <si>
    <t>modul merania EKG, NIBP, IBP 4x, teplota 2 miesta, respirácia, SpO2</t>
  </si>
  <si>
    <t>modul NMT</t>
  </si>
  <si>
    <t>modul entropie alebo BIS</t>
  </si>
  <si>
    <t>modul metaboliky s nepriamou kalorimetriou, meraním EtCO2 a gas analyzér</t>
  </si>
  <si>
    <t>modul transpulmonálny CCO</t>
  </si>
  <si>
    <t>modul termodilučný pľúcnicový katéter</t>
  </si>
  <si>
    <t>Transportný modul monitora VF</t>
  </si>
  <si>
    <t>EKG káble pre 5 zvodové EKG</t>
  </si>
  <si>
    <t>EKG káble pre 12 zvodové EKG</t>
  </si>
  <si>
    <t>saturačný senzor ušný</t>
  </si>
  <si>
    <t>saturačný senzor prstový</t>
  </si>
  <si>
    <t>manžeta na meranie neinvazívneho tlaku po 3 veľkosti</t>
  </si>
  <si>
    <t>káble na meranie invazívnych tlakov pre štyri vstupy kompatibilné so spotrebným materiálom výrobcu Edwards</t>
  </si>
  <si>
    <t>káble pre meranie teploty napojiteľné na močový katéter s termistorom</t>
  </si>
  <si>
    <t>príslušenstvo pre modul kontinuálneho srdcového výdaja transpulmonálnou termodilúciou</t>
  </si>
  <si>
    <t>príslušenstvo pre modul srdcového výdaja termodilučnou metódou pľúcnicovým katétrom</t>
  </si>
  <si>
    <t>príslušenstvo pre modul entropie alebo BIS</t>
  </si>
  <si>
    <t>príslušenstvo pre modul metaboliky s nepriamou kalorimetriou, meraním EtCO2 a gas analyzér</t>
  </si>
  <si>
    <t>Centrála</t>
  </si>
  <si>
    <t>Monitor vitálnych funkcií</t>
  </si>
  <si>
    <t>1.7</t>
  </si>
  <si>
    <t>1.8</t>
  </si>
  <si>
    <t>1.9</t>
  </si>
  <si>
    <t>1.10</t>
  </si>
  <si>
    <t>1.11</t>
  </si>
  <si>
    <t>1.12</t>
  </si>
  <si>
    <t>1.13</t>
  </si>
  <si>
    <t>1.14</t>
  </si>
  <si>
    <t>1.15</t>
  </si>
  <si>
    <t>1.16</t>
  </si>
  <si>
    <t>1.17</t>
  </si>
  <si>
    <t>1.18</t>
  </si>
  <si>
    <t>1.19</t>
  </si>
  <si>
    <t>1.20</t>
  </si>
  <si>
    <t>1.21</t>
  </si>
  <si>
    <t>1.22</t>
  </si>
  <si>
    <t>1.23</t>
  </si>
  <si>
    <t xml:space="preserve">Všeobecné vlastnosti monitora: </t>
  </si>
  <si>
    <t>Modulárny monitor vitálnych funkcií, ktorý umožňuje monitorovanie EKG (ST segment), respirácie, SpO2, neinvazívny TK, 4x invazívny TK, 2x teplota, EtCO2, entropie alebo BIS, meranie hemodynamiky termodilučnou metódou, meranie hemodynamiky transpulmonálnou termodilúciou, NMT a regionálnej saturácie rSO2, meranie nepriamej kalorimetrie a analýza plynov v každom monitore</t>
  </si>
  <si>
    <t>Priehľadný farebný dotykový displey uhlopriečky min. 15" a min. 19" v počte podľa požiadaviek uvedených nižšie</t>
  </si>
  <si>
    <t xml:space="preserve">Maximálna hmotnosť kompletného monitora 15 kg </t>
  </si>
  <si>
    <t>elektrické napájanie 230V / 50Hz</t>
  </si>
  <si>
    <t>možnosť uchytenia na statív/rameno a položenia na policu</t>
  </si>
  <si>
    <t>Monitor min. 15" musí byť položiteľný na policu rozmerov 37 cm x 37 cm</t>
  </si>
  <si>
    <t>možnosť voľby ľubovoľnej konfigurácie min. 8 kriviek a numerických polí a farebne ich odlíšiť.</t>
  </si>
  <si>
    <t xml:space="preserve">grafické a numerické trendy všetkých monitorovaných parametrov v dĺžke min. 48 hod.  </t>
  </si>
  <si>
    <t>Možnosť úplného stíšenia všetkých alarmov užívateľom</t>
  </si>
  <si>
    <t>Užívateľom nastaviteľné hranice alarmov všetkých parametrov</t>
  </si>
  <si>
    <t>Vstupy pre zásuvné moduly - monitor uhlopriečky min. 15" musí mať aspoň 4 vstupy a monitor uhlopriečky min. 19" musí mať aspoň 5 vstupov</t>
  </si>
  <si>
    <t>Monitor vitálnych funkcií musí mať rozlíšené alarmy vizuálne aj akusticky minimálne do 2 úrovní podľa priority</t>
  </si>
  <si>
    <t>Monitor vitálnych funkcií s výstupom na externý displej</t>
  </si>
  <si>
    <t>Monitor vitálnych funkcií s možnosťou pripojenia čítačky čiarových kódov</t>
  </si>
  <si>
    <t>Monitor musí byť schopný prepojenia monitorov do centrálnej stanice káblom alebo bezdrôtovo</t>
  </si>
  <si>
    <t>Monitor vitálnych funkcií musí byť kompatibilný s protokolom HL7</t>
  </si>
  <si>
    <t xml:space="preserve">možnosť monitorov o pripojenie IV techniky, ventilačnej techniky </t>
  </si>
  <si>
    <t>monitor vitálnych funkcii má umožniť zobrazenie údajov  z viacerých zdrojov: výsledky laboratória, RTG</t>
  </si>
  <si>
    <t>monitor vitálnych funkcii má mať možnosť pre zobrazenie a archiváciu snímaných dát z tejto techniky v elektronickom lekárskom zázname každého pacienta v NIS (keď bude toto pripojenie funkčné)</t>
  </si>
  <si>
    <t>možnosť pripojenia modulu spirometrie a nepriamej kalorimetrie interným alebo externým modulom/zariadením</t>
  </si>
  <si>
    <t>možnosť pripojenia modulu ScvO2 a SvO2 interným alebo externým modulom/zariadením</t>
  </si>
  <si>
    <t>Monitor vitálnych funkcií musí zobrazovať stav alarmu ostatných monitorov na oddelení a musí byť neustále viditeľný na obrazovke monitora (bez ďalších kliknutí).</t>
  </si>
  <si>
    <t>Monitor musí mať diagram elektród EKG pre správne umiestnenie elektród a pre kontrolu kvality zaznamenaného signálu</t>
  </si>
  <si>
    <t>Požadované monitory a moduly pripojiteľné k monitorom</t>
  </si>
  <si>
    <t>Položka č. 1 - Modulárny monitor vitálnych funkcií min. 15"</t>
  </si>
  <si>
    <t>Položka č. 2 - Modulárny monitor vitálnych funkcií min. 19"</t>
  </si>
  <si>
    <t>Položka č. 3 - modul merania EKG, NIBP, IBP 4x, teplota 2 miesta, respirácia, SpO2</t>
  </si>
  <si>
    <t>Položka č. 4 - modul NMT</t>
  </si>
  <si>
    <t>Položka č. 5 - modul entropie alebo BIS</t>
  </si>
  <si>
    <t>Položka č. 6 - modul metaboliky s nepriamou kalorimetriou, meraním EtCO2 a gas analyzér</t>
  </si>
  <si>
    <t>Položka č. 7 - modul transpulmonálny CCO</t>
  </si>
  <si>
    <t>Položka č. 8 - modul termodilučný pľúcnicový katéter</t>
  </si>
  <si>
    <t>Vlastnosti jednotlivých modulov:</t>
  </si>
  <si>
    <t>Respirácia</t>
  </si>
  <si>
    <t>Monitorovanie respirácie so zobrazením krivky aj hodnoty (impedančnou formou z EKG zvodov) pre pacienta kategórie dospelý/dieťa minimálne v rozsahu  4-120 dych/min</t>
  </si>
  <si>
    <t>Detekcia apnoe</t>
  </si>
  <si>
    <t>Teplota</t>
  </si>
  <si>
    <t>Rozsah monitorovania teploty min. 25 - 45°C</t>
  </si>
  <si>
    <t>Meranie teplôt min. 2 miesta</t>
  </si>
  <si>
    <t>Rozsah presnosti merania min. ± 0,2°C</t>
  </si>
  <si>
    <t>EKG</t>
  </si>
  <si>
    <t>Možnosť EKG 3,5,12 zvodové</t>
  </si>
  <si>
    <t>Zobrazenie EKG krivky s možnosťou výberu zvodov</t>
  </si>
  <si>
    <t>Rozsah merania ST segmentu min. ± 2 mV</t>
  </si>
  <si>
    <t>3.4</t>
  </si>
  <si>
    <t>Analýza ST segmentu samostatne pre všetky zvody</t>
  </si>
  <si>
    <t>3.5</t>
  </si>
  <si>
    <t>Analýza arytmií, bradykardie</t>
  </si>
  <si>
    <t>3.6</t>
  </si>
  <si>
    <t>Meranie Qt/Qtc intervalu</t>
  </si>
  <si>
    <t>3.7</t>
  </si>
  <si>
    <t>Možnosť odoslať namerané EKG z pacientkého monitora na EKG server</t>
  </si>
  <si>
    <t>3.8</t>
  </si>
  <si>
    <t>Prezretie posledného EKG pacienta s aktuálnym na obrazovke monitora</t>
  </si>
  <si>
    <t>3.9</t>
  </si>
  <si>
    <t>Možnosť odoslať namerané a ulžené EKG z pamäte pacientkého monitora do SW analýzy Holtera na vykonanie holterovej analýzy</t>
  </si>
  <si>
    <t>3.10</t>
  </si>
  <si>
    <t>Rozsah merania pulzu min. 30-240 úderov/min.</t>
  </si>
  <si>
    <t>3.11</t>
  </si>
  <si>
    <t>Presnosť merania max ± 3 údery za min.</t>
  </si>
  <si>
    <t>3.12</t>
  </si>
  <si>
    <t>Možnosť výberu zdroja merania pulzov z EKG, IBP a SpO2</t>
  </si>
  <si>
    <t>Saturácia O2</t>
  </si>
  <si>
    <t>4.1</t>
  </si>
  <si>
    <t>Režim merania Spo2 automatický</t>
  </si>
  <si>
    <t>4.2</t>
  </si>
  <si>
    <t>Zobrazenie pletyzmografickej krivky s možnosťou nastavenia veľkosti krivky</t>
  </si>
  <si>
    <t>4.3</t>
  </si>
  <si>
    <t>Zobrazenie Perfusion Index (PI), oxygen content, index pletysmografickej variability (PVI)</t>
  </si>
  <si>
    <t>4.4</t>
  </si>
  <si>
    <t>Možnosť úpravy hlasitosti zvukovej signalizácie SpO2</t>
  </si>
  <si>
    <t>4.5</t>
  </si>
  <si>
    <t>Variabilný tón SpO2 podľa jej hodnôt</t>
  </si>
  <si>
    <t>NIBP</t>
  </si>
  <si>
    <t>5.1</t>
  </si>
  <si>
    <t>Neinvazívny krvný tlak s možnosťou voľby intervalu pravidelných  meraní, manuálne merania, možnosť merania minimálne v 6 rôznych nastaviteľných sekvenciách</t>
  </si>
  <si>
    <t>5.2</t>
  </si>
  <si>
    <t>Meracia metóda oscilometrická/dvojhadicová</t>
  </si>
  <si>
    <t>5.3</t>
  </si>
  <si>
    <t>Meranie pulzov pri  neinvazívnom krvnom tlaku min. v rozsahu 40-300  úderov za minútu</t>
  </si>
  <si>
    <t>5.4</t>
  </si>
  <si>
    <t>Rozsah merania systolického tlaku min. 30 - 240 mmHg</t>
  </si>
  <si>
    <t>IBP</t>
  </si>
  <si>
    <t>6.1</t>
  </si>
  <si>
    <t>Rozsah merania invazívneho TK pre každý tlak min. -40 až 320 mmHg</t>
  </si>
  <si>
    <t>6.2</t>
  </si>
  <si>
    <t xml:space="preserve">Počet meraných kanálov min. 4 </t>
  </si>
  <si>
    <t>6.3</t>
  </si>
  <si>
    <t xml:space="preserve">Merania SPV (systolic pressure variation) a PPV (pulse pressure variation ) </t>
  </si>
  <si>
    <t>6.4</t>
  </si>
  <si>
    <t>výber formátu zobrazenia invazívneho TK</t>
  </si>
  <si>
    <t>6.5</t>
  </si>
  <si>
    <t>výber doby odozvy invaz. TK</t>
  </si>
  <si>
    <t>6.6</t>
  </si>
  <si>
    <t>optimalizácia stupnice invaz. TK</t>
  </si>
  <si>
    <t>EtCO2</t>
  </si>
  <si>
    <t>7.1</t>
  </si>
  <si>
    <t>meranie EtCO2 v mainstream alebo sidestream alebo microstream</t>
  </si>
  <si>
    <t>7.2</t>
  </si>
  <si>
    <t>zobrazenie kapnografickej krivky, hodnôt EtCO2, FiCO2, RR, numerických a grafických trendov</t>
  </si>
  <si>
    <t>Gas analyzér</t>
  </si>
  <si>
    <t>8.1</t>
  </si>
  <si>
    <t xml:space="preserve">zobrazenie inspiračných a expiračných hodnôt anestetík Halothane, Isoflurane, Enflurane, Sevoflurane, Desflurane, O2, CO2, N2O a MAC hodnoty </t>
  </si>
  <si>
    <t>Spirometria interným alebo externým modulom</t>
  </si>
  <si>
    <t>9.1</t>
  </si>
  <si>
    <t>musí merať PPEAK, PPLAT, PPEEP, PEEPi, skutočný pomer I:E, poddajnosť pľúc C, odpor dýchacích ciest R</t>
  </si>
  <si>
    <t>Nepriama kalorimetria meraná interným alebo externým modulom</t>
  </si>
  <si>
    <t>10.1</t>
  </si>
  <si>
    <t>musí zobrazovať hodnoty: spotreba kyslíka VO2, produkcia CO2 VCO2, energetický výdaj EE, respiračný kvocient RQ</t>
  </si>
  <si>
    <t>Neuromuskulárna blokáda</t>
  </si>
  <si>
    <t>11.1</t>
  </si>
  <si>
    <t>Modul na meranie hladiny neuromuskulárneho bloku: bežné módy stimulácie: TOF - train of four, jediný výboj (twitch) (ST), stimulácia dvojitým výbojom (DBS)</t>
  </si>
  <si>
    <t>Bispektrálny index</t>
  </si>
  <si>
    <t>12.1</t>
  </si>
  <si>
    <t xml:space="preserve">BIS s digitálnym spracovaním signálov EEG  pre parameter, ktorý koreluje s hladina hypnózy  pacienta v rozsahu hodnôt 0 až 100 </t>
  </si>
  <si>
    <t>Transpulmonálny kontinuálny srdcový výdaj</t>
  </si>
  <si>
    <t>13.1</t>
  </si>
  <si>
    <t xml:space="preserve">Možnosť merania kontinuálneho srdcového výdaja metódou transpulmonálnej termodilúcie so zobrazením parametrov: </t>
  </si>
  <si>
    <t>13.2</t>
  </si>
  <si>
    <t>Continuous cardiac output (CCO) ,cardiac output (CO), Stroke volume (SV), Stroke volume index (SVI), Cardiac index (CI), Continuous cardiac output index (CCI)</t>
  </si>
  <si>
    <t>13.3</t>
  </si>
  <si>
    <t>Rozsah merania CO 0.1-15.0 l/min/m2 (Pulse contour cardiac output index)</t>
  </si>
  <si>
    <t>13.4</t>
  </si>
  <si>
    <t>Ďalšie merané parametre:</t>
  </si>
  <si>
    <t>13.5</t>
  </si>
  <si>
    <t>Global end-diastolic volume (GEDV)</t>
  </si>
  <si>
    <t>13.6</t>
  </si>
  <si>
    <t>Global end-diastolic volume index (GEDI)</t>
  </si>
  <si>
    <t>13.7</t>
  </si>
  <si>
    <t>Intrathoracic blood volume (ITBV)</t>
  </si>
  <si>
    <t>13.8</t>
  </si>
  <si>
    <t>Intrathoracic blood volume index (ITBI)</t>
  </si>
  <si>
    <t>13.9</t>
  </si>
  <si>
    <t>Stroke volume variation (SVV)</t>
  </si>
  <si>
    <t>13.10</t>
  </si>
  <si>
    <t>Pulse pressure variation (PPV)</t>
  </si>
  <si>
    <t>13.11</t>
  </si>
  <si>
    <t>Global ejection fraction (GEF)</t>
  </si>
  <si>
    <t>13.12</t>
  </si>
  <si>
    <t>Cardiac function index (CFI)</t>
  </si>
  <si>
    <t>13.13</t>
  </si>
  <si>
    <t>Index of left ventricular contractility (dPmx)</t>
  </si>
  <si>
    <t>13.14</t>
  </si>
  <si>
    <t>Systemic vascular resistance (SVR)</t>
  </si>
  <si>
    <t>13.15</t>
  </si>
  <si>
    <t>Systemic vascular resistance index (SVRI)</t>
  </si>
  <si>
    <t>13.16</t>
  </si>
  <si>
    <t>Merané pľúcne parametre:</t>
  </si>
  <si>
    <t>13.17</t>
  </si>
  <si>
    <t>Extravascular lung water (EVLW)</t>
  </si>
  <si>
    <t>13.18</t>
  </si>
  <si>
    <t>Extravascular lung water index (ELWI)</t>
  </si>
  <si>
    <t>13.19</t>
  </si>
  <si>
    <t>Cardiac power output (CPO)</t>
  </si>
  <si>
    <t>13.20</t>
  </si>
  <si>
    <t>Cardiac power index (CPI)</t>
  </si>
  <si>
    <t>13.21</t>
  </si>
  <si>
    <t>Pulmonary vascular permeability index (PVPI)</t>
  </si>
  <si>
    <t>Termodilučný srdcový výdaj</t>
  </si>
  <si>
    <t>14.1</t>
  </si>
  <si>
    <t>Možnosť merania srdcového výdaja  termodilučnou metódou pľúcnicovým katétrom so zobrazením parametrov:</t>
  </si>
  <si>
    <t>14.2</t>
  </si>
  <si>
    <t>C.I., SV, SI, SVR, SVRI, PVR, PVRI, LVSW, LVSWI, LCW, LCWI, RCW, RCWI</t>
  </si>
  <si>
    <t>14.3</t>
  </si>
  <si>
    <t>Výpočty okysličenia s indexovanými hodnotami aj neindexovanými hodnotami: CaO2, CvO2, C(a-v)O2, VO2, VO2I, O2ER, DO2, DO2I, AaDO2, Qs/Qt</t>
  </si>
  <si>
    <t>Položka č. 9 - Transportný modul monitora VF</t>
  </si>
  <si>
    <t>musí monitorovať: EKG (ST segment), respiráciu, SpO2, neinvazívny TK, 2x invazívny TK, telesnú teplotu, EtCO2</t>
  </si>
  <si>
    <t>farebná dotyková obrazovka s veľkosťou minimálne 6" s rozlíšením min. 1024x480 px</t>
  </si>
  <si>
    <t>prevádzka na internú batériu minimálne 3 hodiny so zobrazením zostávajúceho času prevádzky</t>
  </si>
  <si>
    <t>hmotnosť modulu s batériou a rukoväťou na prenášanie max. 2 kg s odolnosťou na pád z výšky min. 1m</t>
  </si>
  <si>
    <t>dobíjanie modulu priamo z monitora VF alebo dokovacej stanice</t>
  </si>
  <si>
    <t>minimálny počet zobrazených kriviek - 3x</t>
  </si>
  <si>
    <t>automatická rotácia displeja podľa polohy transportného modulu min. o 90° a 180°</t>
  </si>
  <si>
    <t>grafické a numerické trendy všetkých monotorovaných parametrov v dĺžke min. 48 hodín</t>
  </si>
  <si>
    <t>transportný modul musí byť kompatibilný a priamo pripojiteľný s ľubovoľným monitorom vitálnych funkcií opísaným v položke 1 a 2</t>
  </si>
  <si>
    <t>pulzná oxymetria kompatibilná v rozsahu 0-100%</t>
  </si>
  <si>
    <t>meranie pulzov pri neinvazívnom krvnom tlaku min. v rozsahu min. 40-300 úderov za minútu</t>
  </si>
  <si>
    <t>monitorovanie 12 -zvodového EKG</t>
  </si>
  <si>
    <t>analýza arytmií a analýza ST segmentu</t>
  </si>
  <si>
    <t>možnosť mechanického prichytenia monitora na infúzny stojan alebo eurolištu</t>
  </si>
  <si>
    <t>batériu môže vymeniť používateľ bez akéhokoľvek ďalšieho nástroja</t>
  </si>
  <si>
    <t>Minimálny rozsah pre merania HR od 30-240 úderov/min.</t>
  </si>
  <si>
    <t>Nepretržité neinvazívne monitorovanie nasledujúcich parametrov SpO2, plne integrované do transportného zásuvného modulu monitora bez potreby ďalších modulov a adaptérov: Pleth variability index, Oxygen content, Perfusion index</t>
  </si>
  <si>
    <t>Meranie pulzov pri SpO2 min. 30-240 úderov za minútu s presnosťou max. ± 3 údery za minútu</t>
  </si>
  <si>
    <t>Meranie pulzov pri neinvazívnom krvnom tlaku min. v rozsahu 40-300 úderov za minútu</t>
  </si>
  <si>
    <t>Rozsah merania systolického tlaku min. 30-240 mmHg</t>
  </si>
  <si>
    <t>Rozsah merania invazívneho tlaku krvi min. -40 až 320 mmHg</t>
  </si>
  <si>
    <t>Monitorovanie 12-zvodového EKG</t>
  </si>
  <si>
    <t>1.24</t>
  </si>
  <si>
    <t>Zobrazenie grafických trendov na obrazovke aj bez modulárneho monitora VF</t>
  </si>
  <si>
    <t>1.25</t>
  </si>
  <si>
    <t>Analýza arytmií (asystola, brady, tachy, ventr.fibrilácia/tachycardia) a analýza ST segmentu pre všetky zvody</t>
  </si>
  <si>
    <t>1.26</t>
  </si>
  <si>
    <t>Transportný modul musí kontinuálne monitorovať pacienta počas transportu s následným prenosom údajov do modulárneho monitora</t>
  </si>
  <si>
    <t>1.27</t>
  </si>
  <si>
    <t>Transportný modul musí mať možnosť priameho pripojenia do centrálnej stanice aj bez modulárneho monitora VF</t>
  </si>
  <si>
    <t xml:space="preserve">Kompletné príslušenstvo v  množstve podľa počtu požadovaných modulov:  </t>
  </si>
  <si>
    <t>Položka č. 10 - EKG káble pre 5 zvodové EKG</t>
  </si>
  <si>
    <t>Položka č. 11 - EKG káble pre 12 zvodové EKG</t>
  </si>
  <si>
    <t>Položka č. 12 - saturačný senzor ušný</t>
  </si>
  <si>
    <t>Položka č. 13 - saturačný senzor prstový</t>
  </si>
  <si>
    <t>Položka č. 14 - manžeta na meranie neinvazívneho tlaku po 3 velkosti</t>
  </si>
  <si>
    <t>Položka č. 15 - káble na meranie invazívnych tlakov pre štyri vstupy kompatibilné so spotrebným materiálom výrobcu Edwards</t>
  </si>
  <si>
    <t>Položka č. 16 - káble pre meranie teploty napojiteľné na močový katéter s termistorom</t>
  </si>
  <si>
    <t>Položka č. 17 - príslušenstvo pre modul kontinuálneho srdcového výdaja transpulmonálnou termodilúciou</t>
  </si>
  <si>
    <t>Položka č. 18 - príslušenstvo pre modul srdcového výdaja termodilučnou metódou pľúcnicovým katétrom</t>
  </si>
  <si>
    <t>Položka č. 19 - príslušenstvo pre modul entropie alebo BIS</t>
  </si>
  <si>
    <t>Položka č. 20 - príslušenstvo pre modul metaboliky s nepriamou kalorimetriou, meraním EtCO2 a gas analyzér</t>
  </si>
  <si>
    <t>Položka č. 21 - Centrála</t>
  </si>
  <si>
    <t>uchovanie kontinuálnych kriviek všetkých monitorovaných parametrov za minimálne 72 hodín</t>
  </si>
  <si>
    <t>možnosť nastavenia alarmov lokálne priamo z monitora alebo z centrálneho monitora.</t>
  </si>
  <si>
    <t>prenos informácií z postele na posteľ v rámci siete</t>
  </si>
  <si>
    <t>možnosť nastavenia rôznych konfiguračných stavov</t>
  </si>
  <si>
    <t>umožnenie stanice k úplnemu prístupu k nastaveniam alarmov na prepojených lôžkových monitoroch</t>
  </si>
  <si>
    <t>možnosť nastavenia rôznych priorít alarmov na prepojených lôžkových monitoroch</t>
  </si>
  <si>
    <t>kalkulácie a analýzy: liekové, laboratárne, hemodynamické, oxygenačné, ventilačné, možnosť robiť poznámky ku stavu, možnosť robiť objednania výkonov ak je centrála zapojená do NIS</t>
  </si>
  <si>
    <t xml:space="preserve">možnosť sledovania pacientských údajov na vzdialenom pracovisku </t>
  </si>
  <si>
    <t xml:space="preserve">podpora IKT štandardu HL7, možná kompatibilita s inými informačnými systémami </t>
  </si>
  <si>
    <t>počet monitorov vitálnych funkcií pripojiteľných a zároveň zobrazených na centrálnej stanici - min. 16 ks</t>
  </si>
  <si>
    <t>veľkosť farebnej obrazovky - min. 21 palcov</t>
  </si>
  <si>
    <t>pamäť plnej EKG krivky so spätným prezeraním - min. 144 hod.</t>
  </si>
  <si>
    <t>Možnosť sledovania parametrov v reálnom čase, trendov a podpora pri prekladaní pacienta v rámci siete.</t>
  </si>
  <si>
    <t>Možnosť zadania komplexných údajov o pacientovi (meno, identifikačné číslo, hmotnosť, výška, dátum narodenia, pohlavie).</t>
  </si>
  <si>
    <t>Potlačenie všetkých alarmov priamo z centrálnej stanice (pre všetky úrovne alarmu) alebo lokálne na monitore VF</t>
  </si>
  <si>
    <t>laserová tlačiareň pre tlačenie z centrálnej stanice a monitorov VF na kancelársky papier - min. A4</t>
  </si>
  <si>
    <t>Centrálna stanica musí umožňovať zobrazenie všetkých meraných parametrov jednotlivých lôžkových monitorov súčasne</t>
  </si>
  <si>
    <t>Centrálna stanica: musí obojsmerne komunikovať s lôžkovými a diagnostickými monitormi pre diaľkové ovládanie a zadávanie pacientskych údajov s ich následným zobrazením na lôžkovom monitore</t>
  </si>
  <si>
    <t>Centrálna stanica: musí umožniť prístup do nemocničnej siete v HL7 medicínskom protokole.</t>
  </si>
  <si>
    <t>Monitorovací systém musí byť schopný prepojenia monitorov do centrálnej stanice káblom alebo bezdrôtovo</t>
  </si>
  <si>
    <t>Monitorovací systém musí umožňovať využitie existujúcej nemocničnej siete pre pripojenie monitorov a centrálnej stanice</t>
  </si>
  <si>
    <t>Monitorovací systém musí mať vlastný zálohový zdroj elektrickej energie</t>
  </si>
  <si>
    <t>Centrálna stanica musí mať možnosť pre zobrazenie a archiváciu dát z monitorov vitálnych funkcií v lekárskom zázname každého pacienta v NIS (keď bude toto pripojenie funkčné)</t>
  </si>
  <si>
    <t>Možnosť odoslať namerané a uložené EKG z pamäte pacientkého monitora do SW analýzy Holtera na vykonanie holterovej analýzy</t>
  </si>
  <si>
    <t>Centrálna stanica musí v sektore pre pacienta na hlavnej obrazovke zobraziť min. 8 vĺn na pacienta</t>
  </si>
  <si>
    <t>Centrálna stanica musí podporovať zobrazenie s vysokým rozlíšením (minimálne 1920x1080)</t>
  </si>
  <si>
    <t>Požaduje sa jednorazové dodanie nových, nepoužívaných a nerepasovaných prístrojov a príslušenstva.</t>
  </si>
  <si>
    <t>Požaduje sa uzatvorenie kúpnej zmluvy.</t>
  </si>
  <si>
    <t>Požaduje sa dodanie zariadenia:</t>
  </si>
  <si>
    <t>xxx</t>
  </si>
  <si>
    <t>do tridsiatich (30) pracovných dní od dňa nadobudnutia účinnosti zmluvy resp. odo dňa doručenia Oznámenia o splnení objednávateľom stanovených podmienok a požiadaviek na predmet zákazky dodávateľovi (ďalej len "Oznámenie"),</t>
  </si>
  <si>
    <t>v pracovných dňoch (do termínu sa nezapočítavajú dni pracovného voľna, pracovného pokoja a štátne sviatky),</t>
  </si>
  <si>
    <t>v čase od 08:00 hod. do 14:30 hod.,</t>
  </si>
  <si>
    <t>2.4</t>
  </si>
  <si>
    <t xml:space="preserve">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2.5</t>
  </si>
  <si>
    <t>po predchádzajúcom preukázateľnom upovedomení objednávateľa min. päť (5) pracovných dní vopred tak, aby objednávateľ mohol poskynúť potrebnú súčinnosť pri dodaní,</t>
  </si>
  <si>
    <t>2.6</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 xml:space="preserve">Objednávateľ zabezpečí za účelom prevzatia zariadenia prístup pre osoby poverené dodávateľom na čas nevyhnutný na vyloženie, kompletizáciu a inštaláciu zariadenia. </t>
  </si>
  <si>
    <t xml:space="preserve">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Súčasťou záväzku dodávateľa je zároveň poskytnutie písomných dokladov potrebných pre riadne a bezchybné použitie zariadenia na stanovený účel, a to najmä, no nie len výlučne: návod na použitie zariadenia v slovenskom jazyku, záručný list, preberací (akceptačný) protokol, inštalačný protokol, protokol o zaškolení zamestnancov objednávateľa s obsluhou zariadenia.</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a pod. pre potreby plnenia zmluvy.</t>
  </si>
  <si>
    <t>Dodávateľ je povinný vystaviť faktúru za dodaný tovar v súlade s ustanovením §73 zákona č. 222/2004 Z. z. o dani z pridanej hodnoty v znení neskorších predpisov (ďalej len „zákon o DPH“).</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t>Požaduje sa v zmysle § 340b ods. 5 zákona č. 513/1991 Z. z. Obchodného zákonníka v znení neskorších predpisov splatnosť faktúry v lehote šesťdesiatich (60) kalendárnych dní odo dňa jej doručenia objednávateľovi. V prípade úhrady faktúry za dodanie prístroja objednávateľom do štrnástich (14) kalendárnych dní odo dňa jej doručenia objednávateľovi, sa dodávateľ zaväzuje vystaviť dobropis vo výške ... %*  z fakturovanej sumy.                                                                                                                                                             *V prípade, ak sa predávajúci rozhodne kupujúcemu poskytnúť zľavu za tzv. predčasnú úhradu (t.j. úhradu pred uplynutím lehoty splatnosti), uvedie výšku %, v akej bude zľava z fakturovanej sumy poskytnutá. Ak takúto zľavu predávajúci nechce poskytnúť, uvedie 0%.</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Požaduje sa, aby v prípade ak sa úspešným uchádzačom (t.j. dodávateľom) po uplynutí lehoty na predkladanie ponúk, resp. po elektronickej aukcii stane:
- uchádzač,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 uchádzač, ktorý verejnému obstarávateľovi predložil aktuálnu cenovú ponuku pred vyhlásením tejto súťaže a jeho konečná jednotková cena za MJ bez DPH je vyššia ako cena ktorú predložil v aktuálnej cenovej ponuke pred vyhlásením tejto súťaže, tak:
verejný obstarávateľ vyzve úspešného uchádzača na podanie vysvetlenia k uvedenému a ak po prehodnotení písomného zdôvodnenia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neuzavrieť s uchádzačom zmluvný vzťah a zrušiť verejné obstarávanie v príslušnej časti predmetu zákazky a v prípade, ak je to relevantné, odstúpiť od zmluvy.</t>
  </si>
  <si>
    <t xml:space="preserve">Dodávateľ poskytuje na predmet zákazky a všetky jeho súčasti (ďalej len "zariadenie") komplexnú záruku v trvaní dvadsiatichštyroch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i>
    <t>Komplexná záruka predstavuje súbor opatrení, ktoré bude v rámci ceny za zariadenie vykonávať dodávateľ autorizovaným servisom po dobu trvania záručnej doby na zariadenie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oprava vád a porúch zariadenia, t.j. uvedenie zariadeni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 xml:space="preserve">vykonanie štandardných vylepšení zariadenia odporúčaných a predpísaných výrobcom zariadenia podľa rozhodnutia dodávateľa, vrátane vykonania servisných aktualizácií, t.j. servisná aktualizácia softvérového vybavenia zariadenia, k splneniu uvedenej povinnosti sa vyžaduje poskytnutie súčinnosti objednávateľa, </t>
  </si>
  <si>
    <t>14.4</t>
  </si>
  <si>
    <t>dodávky a zabudovanie náhradných dielov, ktoré sú potrebné k riadnej a bezporuchovej prevádzke zariadnia, vrátane demontáže, odvozu a likvidácie použitého a nepotrebného spotrebného materiálu, náplní a náhradných dielov,</t>
  </si>
  <si>
    <t>14.5</t>
  </si>
  <si>
    <t>vykonanie validácií a kalibrácií zariadenia (resp. jeho relevantných častí) s perididicitou podľa odporučenia výrobcu zariadenia, min. však jedenkrát ročne,</t>
  </si>
  <si>
    <t>14.6</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9. tejto časti,</t>
  </si>
  <si>
    <t>14.7</t>
  </si>
  <si>
    <t>vykonanie ďalších servisných úkonov a činností predpísaných príslušnou právnou úpravou a aplikovateľnými normami,</t>
  </si>
  <si>
    <t>14.8</t>
  </si>
  <si>
    <t>práce (servisné hodiny) a dojazdy servisných technikov dodávateľa do miesta inštalácie zariadenia v rámci zabezpečenia záručného servisu,</t>
  </si>
  <si>
    <t>14.9</t>
  </si>
  <si>
    <t>vykonanie akýchkoľvek neplánovaných opráv a údržby, ktoré nevyplývajú zo servisného plánu výrobcu zariadenia, ak takáto oprava je nevyhnutná za účelom zabezpečenia prevádzky zariadenia, vrátane generálnej opravy.</t>
  </si>
  <si>
    <t>15.</t>
  </si>
  <si>
    <t xml:space="preserve">Servisný technik dodávateľa je povinný nastúpiť na odstránenie vady v mieste inštalácie zariadenia do štyridsiatichôsmich (48) hodín od nahlásenia v pracovný deň medzi 7:00 a 16:00 hod., resp. do 12:00 hod. nasledujúceho pracovného dňa, pokiaľ vada bola nahlásená po 16:00 hod. pracovného dňa alebo počas mimopracovného dňa. </t>
  </si>
  <si>
    <t>16.</t>
  </si>
  <si>
    <t>Dodávateľ je povinný počas trvania záručnej doby odstrániť vady v nasledujúcich lehotách od nástupu na opravu:</t>
  </si>
  <si>
    <t>16.1</t>
  </si>
  <si>
    <t>oprava vady, pri ktorej nie je potrebná dodávka náhradného dielu najneskôr do sedemdesiatichdvoch (72) hodín,</t>
  </si>
  <si>
    <t>16.2</t>
  </si>
  <si>
    <t>oprava vady s dodávkou náhradného dielu najneskôr do stodvadsiatich (120) hodín, resp. v závažných prípadoch v termíne po dohode s objednávateľom.</t>
  </si>
  <si>
    <t>17.</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17.1</t>
  </si>
  <si>
    <t>nedodržanie lehoty príchodu servisného technika alebo nezačatie odstraňovania vady formou vzdialeného prístupu: 10,- € (slovom: desať EUR) za každú začatú hodinu omeškania, najviac však do výšky 10% kúpnej ceny zariadenia, a to pre každý jednotlivý prípad omeškania dodávateľa,</t>
  </si>
  <si>
    <t>17.2</t>
  </si>
  <si>
    <t>nedodržanie dohodnutých lehôt na odstránenie vady: 10,- € (desať EUR) za každú začatú hodinu omeškania, najviac však do výšky 10% kúpnej ceny zariadenia, a to pre každý jednotlivý prípad omeškania dodávateľa.</t>
  </si>
  <si>
    <t>18.</t>
  </si>
  <si>
    <t xml:space="preserve">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19.</t>
  </si>
  <si>
    <t>Záruka sa nevzťahuje na vady, ktoré spôsobí objednávateľ neodbornou manipuláciou resp. používaním v rozpore s návodom na obsluhu. Záruka sa tiež nevzťahuje na vady, ktoré vzniknú v dôsledku živelnej pohromy, vyššej moci alebo vandalizmu.</t>
  </si>
  <si>
    <t>20.</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21.</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Tá zmluvná strana, ktorá sa odvolá na okolnosti vylučujúce zodpovednosť, je povinná to oznámiť druhej zmluvnej strane najneskôr do piatich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zmluvy. Účinky odstúpenia nastanú dňom doručenia oznámenia druhej zmluvnej strane.</t>
  </si>
  <si>
    <t>22.</t>
  </si>
  <si>
    <t>23.</t>
  </si>
  <si>
    <t>24.</t>
  </si>
  <si>
    <t>25.</t>
  </si>
  <si>
    <t>26.</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Požaduje sa, aby sa dodávateľ oboznámil s Etickým kódexom obchodných partnerov objednávateľa zverejnenom na www.vusch.sk. Požaduje sa dodržiavanie etických zásad uvedených v Etickom kódexe objednávateľa.</t>
  </si>
  <si>
    <t>V prípade, ak sa na predmet zákazky vykonala prípravná trhová konzultácia, informácie k prípravnej trhovej konzultácie verejný obstarávateľ zverejňuje na www.vusch.sk/verejne-obstaravanie/.</t>
  </si>
  <si>
    <t xml:space="preserve">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8"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color theme="1"/>
      <name val="Times New Roman"/>
      <family val="1"/>
      <charset val="238"/>
    </font>
    <font>
      <sz val="9"/>
      <name val="Arial"/>
      <family val="2"/>
      <charset val="238"/>
    </font>
    <font>
      <i/>
      <sz val="10"/>
      <color theme="1"/>
      <name val="Arial"/>
      <family val="2"/>
      <charset val="238"/>
    </font>
    <font>
      <sz val="10"/>
      <color rgb="FF000000"/>
      <name val="Arial"/>
      <family val="2"/>
      <charset val="238"/>
    </font>
    <font>
      <i/>
      <sz val="10"/>
      <name val="Arial"/>
      <family val="2"/>
      <charset val="238"/>
    </font>
  </fonts>
  <fills count="9">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
      <patternFill patternType="solid">
        <fgColor theme="6" tint="0.79998168889431442"/>
        <bgColor indexed="64"/>
      </patternFill>
    </fill>
    <fill>
      <patternFill patternType="solid">
        <fgColor theme="5" tint="0.79998168889431442"/>
        <bgColor indexed="64"/>
      </patternFill>
    </fill>
  </fills>
  <borders count="57">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indexed="64"/>
      </left>
      <right/>
      <top style="thin">
        <color indexed="64"/>
      </top>
      <bottom style="medium">
        <color auto="1"/>
      </bottom>
      <diagonal/>
    </border>
    <border>
      <left style="medium">
        <color indexed="64"/>
      </left>
      <right style="thin">
        <color auto="1"/>
      </right>
      <top/>
      <bottom style="thin">
        <color auto="1"/>
      </bottom>
      <diagonal/>
    </border>
    <border>
      <left/>
      <right style="medium">
        <color indexed="64"/>
      </right>
      <top style="thin">
        <color auto="1"/>
      </top>
      <bottom style="thin">
        <color auto="1"/>
      </bottom>
      <diagonal/>
    </border>
    <border>
      <left style="thin">
        <color rgb="FFC00000"/>
      </left>
      <right style="thin">
        <color rgb="FFC00000"/>
      </right>
      <top style="thin">
        <color rgb="FFC00000"/>
      </top>
      <bottom style="thin">
        <color rgb="FFC00000"/>
      </bottom>
      <diagonal/>
    </border>
    <border>
      <left style="thin">
        <color auto="1"/>
      </left>
      <right/>
      <top style="medium">
        <color indexed="64"/>
      </top>
      <bottom style="thin">
        <color indexed="64"/>
      </bottom>
      <diagonal/>
    </border>
    <border>
      <left/>
      <right style="medium">
        <color auto="1"/>
      </right>
      <top style="medium">
        <color auto="1"/>
      </top>
      <bottom style="thin">
        <color auto="1"/>
      </bottom>
      <diagonal/>
    </border>
    <border>
      <left style="thin">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right style="thin">
        <color auto="1"/>
      </right>
      <top style="medium">
        <color auto="1"/>
      </top>
      <bottom/>
      <diagonal/>
    </border>
    <border>
      <left style="medium">
        <color auto="1"/>
      </left>
      <right/>
      <top/>
      <bottom/>
      <diagonal/>
    </border>
    <border>
      <left/>
      <right style="thin">
        <color auto="1"/>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right style="medium">
        <color indexed="64"/>
      </right>
      <top style="thin">
        <color auto="1"/>
      </top>
      <bottom style="medium">
        <color indexed="64"/>
      </bottom>
      <diagonal/>
    </border>
    <border>
      <left style="medium">
        <color auto="1"/>
      </left>
      <right style="thin">
        <color auto="1"/>
      </right>
      <top style="thin">
        <color auto="1"/>
      </top>
      <bottom style="dotted">
        <color auto="1"/>
      </bottom>
      <diagonal/>
    </border>
    <border>
      <left style="thin">
        <color auto="1"/>
      </left>
      <right/>
      <top style="thin">
        <color auto="1"/>
      </top>
      <bottom style="dotted">
        <color indexed="64"/>
      </bottom>
      <diagonal/>
    </border>
    <border>
      <left style="medium">
        <color auto="1"/>
      </left>
      <right style="thin">
        <color auto="1"/>
      </right>
      <top/>
      <bottom/>
      <diagonal/>
    </border>
    <border>
      <left style="thin">
        <color auto="1"/>
      </left>
      <right/>
      <top style="dotted">
        <color indexed="64"/>
      </top>
      <bottom style="dotted">
        <color indexed="64"/>
      </bottom>
      <diagonal/>
    </border>
    <border>
      <left style="medium">
        <color auto="1"/>
      </left>
      <right style="thin">
        <color auto="1"/>
      </right>
      <top style="dotted">
        <color auto="1"/>
      </top>
      <bottom/>
      <diagonal/>
    </border>
    <border>
      <left style="thin">
        <color auto="1"/>
      </left>
      <right style="thin">
        <color auto="1"/>
      </right>
      <top/>
      <bottom/>
      <diagonal/>
    </border>
    <border>
      <left style="medium">
        <color auto="1"/>
      </left>
      <right style="thin">
        <color auto="1"/>
      </right>
      <top style="dotted">
        <color auto="1"/>
      </top>
      <bottom style="dotted">
        <color auto="1"/>
      </bottom>
      <diagonal/>
    </border>
    <border>
      <left style="thin">
        <color auto="1"/>
      </left>
      <right style="thin">
        <color auto="1"/>
      </right>
      <top style="dotted">
        <color indexed="64"/>
      </top>
      <bottom style="thin">
        <color auto="1"/>
      </bottom>
      <diagonal/>
    </border>
    <border>
      <left style="medium">
        <color auto="1"/>
      </left>
      <right style="thin">
        <color auto="1"/>
      </right>
      <top style="thin">
        <color auto="1"/>
      </top>
      <bottom/>
      <diagonal/>
    </border>
    <border>
      <left style="thin">
        <color indexed="64"/>
      </left>
      <right style="thin">
        <color indexed="64"/>
      </right>
      <top/>
      <bottom style="thin">
        <color indexed="64"/>
      </bottom>
      <diagonal/>
    </border>
    <border>
      <left style="thin">
        <color auto="1"/>
      </left>
      <right/>
      <top/>
      <bottom style="thin">
        <color auto="1"/>
      </bottom>
      <diagonal/>
    </border>
    <border>
      <left style="thin">
        <color auto="1"/>
      </left>
      <right style="thin">
        <color auto="1"/>
      </right>
      <top style="thin">
        <color auto="1"/>
      </top>
      <bottom style="dotted">
        <color auto="1"/>
      </bottom>
      <diagonal/>
    </border>
    <border>
      <left style="medium">
        <color auto="1"/>
      </left>
      <right style="thin">
        <color auto="1"/>
      </right>
      <top style="dotted">
        <color auto="1"/>
      </top>
      <bottom style="thin">
        <color auto="1"/>
      </bottom>
      <diagonal/>
    </border>
    <border>
      <left style="thin">
        <color auto="1"/>
      </left>
      <right/>
      <top style="dotted">
        <color auto="1"/>
      </top>
      <bottom style="thin">
        <color auto="1"/>
      </bottom>
      <diagonal/>
    </border>
    <border>
      <left style="medium">
        <color auto="1"/>
      </left>
      <right style="thin">
        <color auto="1"/>
      </right>
      <top/>
      <bottom style="dotted">
        <color auto="1"/>
      </bottom>
      <diagonal/>
    </border>
    <border>
      <left style="thin">
        <color auto="1"/>
      </left>
      <right style="thin">
        <color auto="1"/>
      </right>
      <top style="thin">
        <color auto="1"/>
      </top>
      <bottom/>
      <diagonal/>
    </border>
    <border>
      <left style="thin">
        <color auto="1"/>
      </left>
      <right/>
      <top style="thin">
        <color auto="1"/>
      </top>
      <bottom/>
      <diagonal/>
    </border>
    <border>
      <left/>
      <right style="medium">
        <color indexed="64"/>
      </right>
      <top style="thin">
        <color auto="1"/>
      </top>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89">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26" xfId="0" applyFont="1" applyFill="1" applyBorder="1" applyAlignment="1" applyProtection="1">
      <alignment wrapText="1"/>
      <protection locked="0"/>
    </xf>
    <xf numFmtId="0" fontId="13" fillId="0" borderId="0" xfId="0" applyFont="1" applyAlignment="1" applyProtection="1">
      <alignment horizontal="left" vertical="center"/>
      <protection locked="0"/>
    </xf>
    <xf numFmtId="0" fontId="14" fillId="0" borderId="0" xfId="6" applyFont="1" applyAlignment="1" applyProtection="1">
      <alignment horizontal="left"/>
      <protection locked="0"/>
    </xf>
    <xf numFmtId="0" fontId="14" fillId="0" borderId="0" xfId="6" applyFont="1" applyAlignment="1" applyProtection="1">
      <alignment horizontal="center"/>
      <protection locked="0"/>
    </xf>
    <xf numFmtId="0" fontId="14" fillId="0" borderId="0" xfId="6" applyFont="1" applyFill="1" applyBorder="1" applyProtection="1">
      <protection locked="0"/>
    </xf>
    <xf numFmtId="164" fontId="14" fillId="0" borderId="0" xfId="6" applyNumberFormat="1" applyFont="1" applyAlignment="1" applyProtection="1">
      <alignment horizontal="right"/>
      <protection locked="0"/>
    </xf>
    <xf numFmtId="0" fontId="14"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10" xfId="5" applyFont="1" applyFill="1" applyBorder="1" applyAlignment="1" applyProtection="1">
      <alignment horizontal="right" vertical="center" wrapText="1"/>
      <protection locked="0"/>
    </xf>
    <xf numFmtId="0" fontId="11" fillId="2" borderId="10" xfId="0" applyNumberFormat="1" applyFont="1" applyFill="1" applyBorder="1" applyAlignment="1" applyProtection="1">
      <alignment horizontal="left" vertical="center" wrapText="1"/>
      <protection locked="0"/>
    </xf>
    <xf numFmtId="0" fontId="7" fillId="2" borderId="10"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10" xfId="0" applyFont="1" applyFill="1" applyBorder="1" applyAlignment="1" applyProtection="1">
      <alignment horizontal="left" vertical="top" wrapText="1"/>
      <protection locked="0"/>
    </xf>
    <xf numFmtId="0" fontId="2" fillId="3" borderId="10" xfId="0" applyFont="1" applyFill="1" applyBorder="1" applyAlignment="1" applyProtection="1">
      <alignment horizontal="center" vertical="top" wrapText="1"/>
      <protection locked="0"/>
    </xf>
    <xf numFmtId="0" fontId="2" fillId="0" borderId="10"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49" fontId="4" fillId="2" borderId="15" xfId="0" applyNumberFormat="1" applyFont="1" applyFill="1" applyBorder="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10"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0" fontId="7" fillId="0" borderId="21" xfId="0" applyNumberFormat="1" applyFont="1" applyBorder="1" applyAlignment="1" applyProtection="1">
      <alignment horizontal="center" vertical="center" wrapText="1"/>
      <protection locked="0"/>
    </xf>
    <xf numFmtId="0" fontId="7" fillId="0" borderId="18"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7"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0" fontId="7" fillId="0" borderId="10" xfId="0" applyNumberFormat="1" applyFont="1" applyBorder="1" applyAlignment="1" applyProtection="1">
      <alignment horizontal="center" vertical="center" wrapText="1"/>
      <protection locked="0"/>
    </xf>
    <xf numFmtId="49" fontId="2" fillId="2" borderId="35" xfId="0" applyNumberFormat="1" applyFont="1" applyFill="1" applyBorder="1" applyAlignment="1" applyProtection="1">
      <alignment horizontal="center" vertical="center" wrapText="1"/>
      <protection locked="0"/>
    </xf>
    <xf numFmtId="49" fontId="4" fillId="2" borderId="35" xfId="0" applyNumberFormat="1" applyFont="1" applyFill="1" applyBorder="1" applyAlignment="1" applyProtection="1">
      <alignment horizontal="center" vertical="center" wrapText="1"/>
      <protection locked="0"/>
    </xf>
    <xf numFmtId="0" fontId="2" fillId="0" borderId="18" xfId="0" applyNumberFormat="1" applyFont="1" applyBorder="1" applyAlignment="1" applyProtection="1">
      <alignment horizontal="center" vertical="center" wrapText="1"/>
      <protection locked="0"/>
    </xf>
    <xf numFmtId="0" fontId="4" fillId="0" borderId="10" xfId="0" applyFont="1" applyFill="1" applyBorder="1" applyAlignment="1" applyProtection="1">
      <alignment horizontal="center" vertical="center" wrapText="1"/>
      <protection locked="0"/>
    </xf>
    <xf numFmtId="0" fontId="2" fillId="0" borderId="54" xfId="0" applyNumberFormat="1" applyFont="1" applyBorder="1" applyAlignment="1" applyProtection="1">
      <alignment horizontal="center" vertical="center" wrapText="1"/>
      <protection locked="0"/>
    </xf>
    <xf numFmtId="0" fontId="2" fillId="0" borderId="55" xfId="0" applyFont="1" applyFill="1" applyBorder="1" applyAlignment="1" applyProtection="1">
      <alignment horizontal="left" vertical="center" wrapText="1"/>
      <protection locked="0"/>
    </xf>
    <xf numFmtId="0" fontId="2" fillId="0" borderId="56" xfId="0" applyFont="1" applyFill="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0" fontId="2" fillId="0" borderId="0" xfId="0" applyFont="1" applyFill="1" applyAlignment="1" applyProtection="1">
      <alignment horizontal="center" vertical="center"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4" fillId="6" borderId="0" xfId="0" applyFont="1" applyFill="1" applyAlignment="1" applyProtection="1">
      <alignment horizontal="left" vertical="top" wrapText="1"/>
      <protection locked="0"/>
    </xf>
    <xf numFmtId="16" fontId="4" fillId="0" borderId="0" xfId="0" applyNumberFormat="1" applyFont="1" applyFill="1" applyAlignment="1" applyProtection="1">
      <alignment horizontal="left" vertical="top" wrapText="1"/>
      <protection locked="0"/>
    </xf>
    <xf numFmtId="49" fontId="3" fillId="0" borderId="0" xfId="0" applyNumberFormat="1" applyFont="1" applyFill="1" applyAlignment="1" applyProtection="1">
      <alignment horizontal="left" vertical="center" wrapText="1"/>
      <protection locked="0"/>
    </xf>
    <xf numFmtId="49" fontId="2" fillId="0" borderId="8" xfId="0" applyNumberFormat="1" applyFont="1" applyBorder="1" applyAlignment="1" applyProtection="1">
      <alignment horizontal="center" vertical="center"/>
      <protection locked="0"/>
    </xf>
    <xf numFmtId="49" fontId="4" fillId="0" borderId="10" xfId="0" applyNumberFormat="1" applyFont="1" applyBorder="1" applyAlignment="1" applyProtection="1">
      <alignment vertical="center" wrapText="1"/>
      <protection locked="0"/>
    </xf>
    <xf numFmtId="49" fontId="2" fillId="0" borderId="8" xfId="0" applyNumberFormat="1" applyFont="1" applyBorder="1" applyAlignment="1" applyProtection="1">
      <alignment horizontal="right" vertical="center"/>
      <protection locked="0"/>
    </xf>
    <xf numFmtId="49" fontId="4" fillId="0" borderId="10" xfId="0" applyNumberFormat="1" applyFont="1" applyBorder="1" applyAlignment="1" applyProtection="1">
      <alignment horizontal="left" vertical="center" wrapText="1"/>
      <protection locked="0"/>
    </xf>
    <xf numFmtId="49" fontId="4" fillId="0" borderId="10" xfId="0" applyNumberFormat="1" applyFont="1" applyFill="1" applyBorder="1" applyAlignment="1" applyProtection="1">
      <alignment horizontal="left" vertical="center" wrapText="1"/>
      <protection locked="0"/>
    </xf>
    <xf numFmtId="49" fontId="2" fillId="0" borderId="11" xfId="0" applyNumberFormat="1" applyFont="1" applyBorder="1" applyAlignment="1" applyProtection="1">
      <alignment horizontal="right" vertical="center"/>
      <protection locked="0"/>
    </xf>
    <xf numFmtId="49" fontId="4" fillId="0" borderId="18" xfId="0" applyNumberFormat="1" applyFont="1" applyBorder="1" applyAlignment="1" applyProtection="1">
      <alignment horizontal="left" vertical="center" wrapText="1"/>
      <protection locked="0"/>
    </xf>
    <xf numFmtId="49" fontId="15" fillId="0" borderId="20" xfId="0" applyNumberFormat="1" applyFont="1" applyFill="1" applyBorder="1" applyAlignment="1" applyProtection="1">
      <alignment horizontal="center" vertical="center" wrapText="1"/>
      <protection locked="0"/>
    </xf>
    <xf numFmtId="0" fontId="4" fillId="6" borderId="27" xfId="0" applyFont="1" applyFill="1" applyBorder="1" applyAlignment="1" applyProtection="1">
      <alignment horizontal="left" vertical="center" wrapText="1"/>
      <protection locked="0"/>
    </xf>
    <xf numFmtId="49" fontId="15" fillId="0" borderId="39" xfId="0" applyNumberFormat="1" applyFont="1" applyFill="1" applyBorder="1" applyAlignment="1" applyProtection="1">
      <alignment horizontal="center" vertical="center" wrapText="1"/>
      <protection locked="0"/>
    </xf>
    <xf numFmtId="0" fontId="4" fillId="6" borderId="40" xfId="0" applyFont="1" applyFill="1" applyBorder="1" applyAlignment="1" applyProtection="1">
      <alignment horizontal="left" vertical="center" wrapText="1"/>
      <protection locked="0"/>
    </xf>
    <xf numFmtId="49" fontId="15" fillId="0" borderId="41" xfId="0" applyNumberFormat="1" applyFont="1" applyFill="1" applyBorder="1" applyAlignment="1" applyProtection="1">
      <alignment horizontal="right" vertical="center" wrapText="1"/>
      <protection locked="0"/>
    </xf>
    <xf numFmtId="0" fontId="4" fillId="6" borderId="42" xfId="0" applyFont="1" applyFill="1" applyBorder="1" applyAlignment="1" applyProtection="1">
      <alignment horizontal="left" vertical="center" wrapText="1"/>
      <protection locked="0"/>
    </xf>
    <xf numFmtId="49" fontId="15" fillId="0" borderId="43" xfId="0" applyNumberFormat="1" applyFont="1" applyFill="1" applyBorder="1" applyAlignment="1" applyProtection="1">
      <alignment horizontal="right" vertical="center" wrapText="1"/>
      <protection locked="0"/>
    </xf>
    <xf numFmtId="0" fontId="4" fillId="0" borderId="44" xfId="0" applyFont="1" applyFill="1" applyBorder="1" applyAlignment="1" applyProtection="1">
      <alignment horizontal="left" vertical="center" wrapText="1"/>
      <protection locked="0"/>
    </xf>
    <xf numFmtId="49" fontId="15" fillId="0" borderId="45" xfId="0" applyNumberFormat="1" applyFont="1" applyFill="1" applyBorder="1" applyAlignment="1" applyProtection="1">
      <alignment horizontal="right" vertical="center" wrapText="1"/>
      <protection locked="0"/>
    </xf>
    <xf numFmtId="49" fontId="15" fillId="0" borderId="24" xfId="0" applyNumberFormat="1" applyFont="1" applyFill="1" applyBorder="1" applyAlignment="1" applyProtection="1">
      <alignment horizontal="right" vertical="center" wrapText="1"/>
      <protection locked="0"/>
    </xf>
    <xf numFmtId="0" fontId="4" fillId="0" borderId="46" xfId="0" applyFont="1" applyFill="1" applyBorder="1" applyAlignment="1" applyProtection="1">
      <alignment horizontal="left" vertical="center" wrapText="1"/>
      <protection locked="0"/>
    </xf>
    <xf numFmtId="49" fontId="15" fillId="0" borderId="8" xfId="0" applyNumberFormat="1" applyFont="1" applyFill="1" applyBorder="1" applyAlignment="1" applyProtection="1">
      <alignment horizontal="center" vertical="center" wrapText="1"/>
      <protection locked="0"/>
    </xf>
    <xf numFmtId="0" fontId="4" fillId="6" borderId="5" xfId="0" applyFont="1" applyFill="1" applyBorder="1" applyAlignment="1" applyProtection="1">
      <alignment horizontal="left" vertical="center" wrapText="1"/>
      <protection locked="0"/>
    </xf>
    <xf numFmtId="0" fontId="16" fillId="6" borderId="0" xfId="0" applyFont="1" applyFill="1" applyBorder="1" applyAlignment="1" applyProtection="1">
      <alignment horizontal="justify" vertical="center"/>
      <protection locked="0"/>
    </xf>
    <xf numFmtId="0" fontId="4" fillId="6" borderId="10" xfId="0" applyFont="1" applyFill="1" applyBorder="1" applyAlignment="1" applyProtection="1">
      <alignment horizontal="left" vertical="center" wrapText="1"/>
      <protection locked="0"/>
    </xf>
    <xf numFmtId="49" fontId="15" fillId="0" borderId="47" xfId="0" applyNumberFormat="1" applyFont="1" applyFill="1" applyBorder="1" applyAlignment="1" applyProtection="1">
      <alignment horizontal="center" vertical="center" wrapText="1"/>
      <protection locked="0"/>
    </xf>
    <xf numFmtId="0" fontId="7" fillId="0" borderId="48" xfId="0" applyNumberFormat="1" applyFont="1" applyBorder="1" applyAlignment="1" applyProtection="1">
      <alignment horizontal="center" vertical="center" wrapText="1"/>
      <protection locked="0"/>
    </xf>
    <xf numFmtId="0" fontId="4" fillId="6" borderId="49" xfId="0" applyFont="1" applyFill="1" applyBorder="1" applyAlignment="1" applyProtection="1">
      <alignment horizontal="left" vertical="center" wrapText="1"/>
      <protection locked="0"/>
    </xf>
    <xf numFmtId="0" fontId="4" fillId="6" borderId="50" xfId="0" applyFont="1" applyFill="1" applyBorder="1" applyAlignment="1" applyProtection="1">
      <alignment horizontal="left" vertical="center" wrapText="1"/>
      <protection locked="0"/>
    </xf>
    <xf numFmtId="49" fontId="15" fillId="0" borderId="51" xfId="0" applyNumberFormat="1" applyFont="1" applyFill="1" applyBorder="1" applyAlignment="1" applyProtection="1">
      <alignment horizontal="right" vertical="center" wrapText="1"/>
      <protection locked="0"/>
    </xf>
    <xf numFmtId="49" fontId="17" fillId="0" borderId="8" xfId="0" applyNumberFormat="1" applyFont="1" applyFill="1" applyBorder="1" applyAlignment="1" applyProtection="1">
      <alignment horizontal="center" vertical="center" wrapText="1"/>
      <protection locked="0"/>
    </xf>
    <xf numFmtId="49" fontId="17" fillId="0" borderId="39" xfId="0" applyNumberFormat="1" applyFont="1" applyFill="1" applyBorder="1" applyAlignment="1" applyProtection="1">
      <alignment horizontal="center" vertical="center" wrapText="1"/>
      <protection locked="0"/>
    </xf>
    <xf numFmtId="49" fontId="17" fillId="0" borderId="45" xfId="0" applyNumberFormat="1" applyFont="1" applyFill="1" applyBorder="1" applyAlignment="1" applyProtection="1">
      <alignment horizontal="right" vertical="center" wrapText="1"/>
      <protection locked="0"/>
    </xf>
    <xf numFmtId="49" fontId="17" fillId="0" borderId="24" xfId="0" applyNumberFormat="1" applyFont="1" applyFill="1" applyBorder="1" applyAlignment="1" applyProtection="1">
      <alignment horizontal="right" vertical="center" wrapText="1"/>
      <protection locked="0"/>
    </xf>
    <xf numFmtId="0" fontId="4" fillId="6" borderId="52" xfId="0" applyFont="1" applyFill="1" applyBorder="1" applyAlignment="1" applyProtection="1">
      <alignment horizontal="left" vertical="center" wrapText="1"/>
      <protection locked="0"/>
    </xf>
    <xf numFmtId="49" fontId="17" fillId="0" borderId="53" xfId="0" applyNumberFormat="1" applyFont="1" applyFill="1" applyBorder="1" applyAlignment="1" applyProtection="1">
      <alignment horizontal="right" vertical="center" wrapText="1"/>
      <protection locked="0"/>
    </xf>
    <xf numFmtId="0" fontId="4" fillId="0" borderId="42" xfId="0" applyFont="1" applyFill="1" applyBorder="1" applyAlignment="1" applyProtection="1">
      <alignment horizontal="left" vertical="center" wrapText="1"/>
      <protection locked="0"/>
    </xf>
    <xf numFmtId="0" fontId="4" fillId="0" borderId="52" xfId="0" applyFont="1" applyFill="1" applyBorder="1" applyAlignment="1" applyProtection="1">
      <alignment horizontal="left" vertical="center" wrapText="1"/>
      <protection locked="0"/>
    </xf>
    <xf numFmtId="49" fontId="17" fillId="0" borderId="24" xfId="0" applyNumberFormat="1" applyFont="1" applyFill="1" applyBorder="1" applyAlignment="1" applyProtection="1">
      <alignment horizontal="center" vertical="center" wrapText="1"/>
      <protection locked="0"/>
    </xf>
    <xf numFmtId="0" fontId="4" fillId="0" borderId="10" xfId="0" applyFont="1" applyFill="1" applyBorder="1" applyAlignment="1" applyProtection="1">
      <alignment horizontal="left" vertical="center" wrapText="1"/>
      <protection locked="0"/>
    </xf>
    <xf numFmtId="0" fontId="4" fillId="0" borderId="54" xfId="0" applyFont="1" applyFill="1" applyBorder="1" applyAlignment="1" applyProtection="1">
      <alignment horizontal="left" vertical="center" wrapText="1"/>
      <protection locked="0"/>
    </xf>
    <xf numFmtId="49" fontId="15" fillId="0" borderId="24" xfId="0" applyNumberFormat="1" applyFont="1" applyFill="1" applyBorder="1" applyAlignment="1" applyProtection="1">
      <alignment horizontal="center" vertical="center" wrapText="1"/>
      <protection locked="0"/>
    </xf>
    <xf numFmtId="49" fontId="2" fillId="0" borderId="20" xfId="0" applyNumberFormat="1" applyFont="1" applyFill="1" applyBorder="1" applyAlignment="1" applyProtection="1">
      <alignment horizontal="center" vertical="center" wrapText="1"/>
      <protection locked="0"/>
    </xf>
    <xf numFmtId="0" fontId="2" fillId="6" borderId="21" xfId="0" applyFont="1" applyFill="1" applyBorder="1" applyAlignment="1" applyProtection="1">
      <alignment horizontal="left" vertical="center" wrapText="1"/>
      <protection locked="0"/>
    </xf>
    <xf numFmtId="49" fontId="2" fillId="0" borderId="8" xfId="0" applyNumberFormat="1" applyFont="1" applyFill="1" applyBorder="1" applyAlignment="1" applyProtection="1">
      <alignment horizontal="center" vertical="center" wrapText="1"/>
      <protection locked="0"/>
    </xf>
    <xf numFmtId="0" fontId="3" fillId="6" borderId="10" xfId="0" applyFont="1" applyFill="1" applyBorder="1" applyAlignment="1" applyProtection="1">
      <alignment horizontal="left" vertical="center" wrapText="1"/>
      <protection locked="0"/>
    </xf>
    <xf numFmtId="49" fontId="2" fillId="6" borderId="11" xfId="0" applyNumberFormat="1" applyFont="1" applyFill="1" applyBorder="1" applyAlignment="1" applyProtection="1">
      <alignment horizontal="center" vertical="center" wrapText="1"/>
      <protection locked="0"/>
    </xf>
    <xf numFmtId="0" fontId="2" fillId="6" borderId="18" xfId="0" applyFont="1" applyFill="1" applyBorder="1" applyAlignment="1" applyProtection="1">
      <alignment horizontal="left" vertical="top" wrapText="1"/>
      <protection locked="0"/>
    </xf>
    <xf numFmtId="49" fontId="5" fillId="7" borderId="8" xfId="0" applyNumberFormat="1" applyFont="1" applyFill="1" applyBorder="1" applyAlignment="1" applyProtection="1">
      <alignment horizontal="left" vertical="center" wrapText="1"/>
      <protection locked="0"/>
    </xf>
    <xf numFmtId="49" fontId="5" fillId="7" borderId="10" xfId="0" applyNumberFormat="1" applyFont="1" applyFill="1" applyBorder="1" applyAlignment="1" applyProtection="1">
      <alignment horizontal="left" vertical="center" wrapText="1"/>
      <protection locked="0"/>
    </xf>
    <xf numFmtId="49" fontId="2" fillId="0" borderId="10" xfId="0" applyNumberFormat="1" applyFont="1" applyBorder="1" applyAlignment="1" applyProtection="1">
      <alignment horizontal="left" vertical="center" wrapText="1"/>
      <protection locked="0"/>
    </xf>
    <xf numFmtId="49" fontId="2" fillId="0" borderId="9" xfId="0" applyNumberFormat="1" applyFont="1" applyBorder="1" applyAlignment="1" applyProtection="1">
      <alignment horizontal="left" vertical="center" wrapText="1"/>
      <protection locked="0"/>
    </xf>
    <xf numFmtId="49" fontId="5" fillId="8" borderId="8" xfId="0" applyNumberFormat="1" applyFont="1" applyFill="1" applyBorder="1" applyAlignment="1" applyProtection="1">
      <alignment horizontal="left" vertical="center" wrapText="1"/>
      <protection locked="0"/>
    </xf>
    <xf numFmtId="49" fontId="5" fillId="8" borderId="10" xfId="0" applyNumberFormat="1" applyFont="1" applyFill="1" applyBorder="1" applyAlignment="1" applyProtection="1">
      <alignment horizontal="left" vertical="center" wrapText="1"/>
      <protection locked="0"/>
    </xf>
    <xf numFmtId="49" fontId="5" fillId="8" borderId="9" xfId="0" applyNumberFormat="1" applyFont="1" applyFill="1" applyBorder="1" applyAlignment="1" applyProtection="1">
      <alignment horizontal="left" vertical="center" wrapText="1"/>
      <protection locked="0"/>
    </xf>
    <xf numFmtId="49" fontId="2" fillId="0" borderId="18" xfId="0" applyNumberFormat="1" applyFont="1" applyBorder="1" applyAlignment="1" applyProtection="1">
      <alignment horizontal="left" vertical="center" wrapText="1"/>
      <protection locked="0"/>
    </xf>
    <xf numFmtId="49" fontId="2" fillId="0" borderId="19" xfId="0" applyNumberFormat="1" applyFont="1" applyBorder="1" applyAlignment="1" applyProtection="1">
      <alignment horizontal="left" vertical="center" wrapText="1"/>
      <protection locked="0"/>
    </xf>
    <xf numFmtId="0" fontId="2" fillId="0" borderId="5" xfId="0" applyFont="1" applyFill="1" applyBorder="1" applyAlignment="1" applyProtection="1">
      <alignment horizontal="left" vertical="center" wrapText="1"/>
      <protection locked="0"/>
    </xf>
    <xf numFmtId="0" fontId="2" fillId="0" borderId="25" xfId="0" applyFont="1" applyFill="1" applyBorder="1" applyAlignment="1" applyProtection="1">
      <alignment horizontal="left" vertical="center" wrapText="1"/>
      <protection locked="0"/>
    </xf>
    <xf numFmtId="0" fontId="4" fillId="0" borderId="10" xfId="0" applyFont="1" applyBorder="1" applyAlignment="1" applyProtection="1">
      <alignment horizontal="left" vertical="center" wrapText="1"/>
      <protection locked="0"/>
    </xf>
    <xf numFmtId="0" fontId="13" fillId="0" borderId="0" xfId="0" applyFont="1" applyAlignment="1" applyProtection="1">
      <alignment horizontal="left"/>
      <protection locked="0"/>
    </xf>
    <xf numFmtId="0" fontId="3" fillId="4" borderId="0" xfId="0" applyFont="1" applyFill="1" applyAlignment="1" applyProtection="1">
      <alignment horizontal="center" vertical="center" wrapText="1"/>
      <protection locked="0"/>
    </xf>
    <xf numFmtId="49" fontId="3" fillId="2" borderId="1" xfId="0" applyNumberFormat="1" applyFont="1" applyFill="1" applyBorder="1" applyAlignment="1" applyProtection="1">
      <alignment horizontal="left" vertical="top" wrapText="1"/>
      <protection locked="0"/>
    </xf>
    <xf numFmtId="49" fontId="3" fillId="2" borderId="32" xfId="0" applyNumberFormat="1" applyFont="1" applyFill="1" applyBorder="1" applyAlignment="1" applyProtection="1">
      <alignment horizontal="left" vertical="top" wrapText="1"/>
      <protection locked="0"/>
    </xf>
    <xf numFmtId="49" fontId="3" fillId="2" borderId="33" xfId="0" applyNumberFormat="1" applyFont="1" applyFill="1" applyBorder="1" applyAlignment="1" applyProtection="1">
      <alignment horizontal="left" vertical="top" wrapText="1"/>
      <protection locked="0"/>
    </xf>
    <xf numFmtId="49" fontId="3" fillId="2" borderId="34" xfId="0" applyNumberFormat="1" applyFont="1" applyFill="1" applyBorder="1" applyAlignment="1" applyProtection="1">
      <alignment horizontal="left" vertical="top" wrapText="1"/>
      <protection locked="0"/>
    </xf>
    <xf numFmtId="0" fontId="3" fillId="2" borderId="29" xfId="0" applyFont="1" applyFill="1" applyBorder="1" applyAlignment="1" applyProtection="1">
      <alignment horizontal="center" vertical="top" wrapText="1"/>
      <protection locked="0"/>
    </xf>
    <xf numFmtId="0" fontId="3" fillId="2" borderId="30" xfId="0" applyFont="1" applyFill="1" applyBorder="1" applyAlignment="1" applyProtection="1">
      <alignment horizontal="center" vertical="top" wrapText="1"/>
      <protection locked="0"/>
    </xf>
    <xf numFmtId="0" fontId="3" fillId="2" borderId="31" xfId="0" applyFont="1" applyFill="1" applyBorder="1" applyAlignment="1" applyProtection="1">
      <alignment horizontal="center" vertical="top" wrapText="1"/>
      <protection locked="0"/>
    </xf>
    <xf numFmtId="49" fontId="2" fillId="2" borderId="36" xfId="0" applyNumberFormat="1" applyFont="1" applyFill="1" applyBorder="1" applyAlignment="1" applyProtection="1">
      <alignment horizontal="center" vertical="center" wrapText="1"/>
      <protection locked="0"/>
    </xf>
    <xf numFmtId="49" fontId="2" fillId="2" borderId="37" xfId="0" applyNumberFormat="1" applyFont="1" applyFill="1" applyBorder="1" applyAlignment="1" applyProtection="1">
      <alignment horizontal="center" vertical="center" wrapText="1"/>
      <protection locked="0"/>
    </xf>
    <xf numFmtId="0" fontId="12" fillId="0" borderId="7"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2" fillId="0" borderId="10" xfId="0" applyFont="1" applyFill="1" applyBorder="1" applyAlignment="1" applyProtection="1">
      <alignment horizontal="left" vertical="center" wrapText="1"/>
      <protection locked="0"/>
    </xf>
    <xf numFmtId="0" fontId="2" fillId="0" borderId="9" xfId="0" applyFont="1" applyFill="1" applyBorder="1" applyAlignment="1" applyProtection="1">
      <alignment horizontal="left" vertical="center" wrapText="1"/>
      <protection locked="0"/>
    </xf>
    <xf numFmtId="0" fontId="2" fillId="0" borderId="18" xfId="0" applyFont="1" applyFill="1" applyBorder="1" applyAlignment="1" applyProtection="1">
      <alignment horizontal="left" vertical="center" wrapText="1"/>
      <protection locked="0"/>
    </xf>
    <xf numFmtId="0" fontId="2" fillId="0" borderId="19" xfId="0" applyFont="1" applyFill="1" applyBorder="1" applyAlignment="1" applyProtection="1">
      <alignment horizontal="left" vertical="center" wrapText="1"/>
      <protection locked="0"/>
    </xf>
    <xf numFmtId="0" fontId="2" fillId="0" borderId="21" xfId="0" applyFont="1" applyFill="1" applyBorder="1" applyAlignment="1" applyProtection="1">
      <alignment horizontal="left" vertical="center" wrapText="1"/>
      <protection locked="0"/>
    </xf>
    <xf numFmtId="0" fontId="2" fillId="0" borderId="22" xfId="0" applyFont="1" applyFill="1" applyBorder="1" applyAlignment="1" applyProtection="1">
      <alignment horizontal="left" vertical="center" wrapText="1"/>
      <protection locked="0"/>
    </xf>
    <xf numFmtId="0" fontId="2" fillId="3" borderId="5" xfId="0" applyFont="1" applyFill="1" applyBorder="1" applyAlignment="1" applyProtection="1">
      <alignment horizontal="left" vertical="top" wrapText="1"/>
      <protection locked="0"/>
    </xf>
    <xf numFmtId="0" fontId="2" fillId="3" borderId="6" xfId="0" applyFont="1" applyFill="1" applyBorder="1" applyAlignment="1" applyProtection="1">
      <alignment horizontal="left" vertical="top" wrapText="1"/>
      <protection locked="0"/>
    </xf>
    <xf numFmtId="49" fontId="5" fillId="2" borderId="1" xfId="0" applyNumberFormat="1" applyFont="1" applyFill="1" applyBorder="1" applyAlignment="1" applyProtection="1">
      <alignment horizontal="left" vertical="top" wrapText="1"/>
      <protection locked="0"/>
    </xf>
    <xf numFmtId="49" fontId="5" fillId="2" borderId="13" xfId="0" applyNumberFormat="1" applyFont="1" applyFill="1" applyBorder="1" applyAlignment="1" applyProtection="1">
      <alignment horizontal="left" vertical="top" wrapText="1"/>
      <protection locked="0"/>
    </xf>
    <xf numFmtId="49" fontId="5" fillId="2" borderId="33" xfId="0" applyNumberFormat="1" applyFont="1" applyFill="1" applyBorder="1" applyAlignment="1" applyProtection="1">
      <alignment horizontal="left" vertical="top" wrapText="1"/>
      <protection locked="0"/>
    </xf>
    <xf numFmtId="49" fontId="5" fillId="2" borderId="0" xfId="0" applyNumberFormat="1" applyFont="1" applyFill="1" applyBorder="1" applyAlignment="1" applyProtection="1">
      <alignment horizontal="left" vertical="top" wrapText="1"/>
      <protection locked="0"/>
    </xf>
    <xf numFmtId="0" fontId="5" fillId="2" borderId="14" xfId="0" applyFont="1" applyFill="1" applyBorder="1" applyAlignment="1" applyProtection="1">
      <alignment horizontal="center" vertical="top" wrapText="1"/>
      <protection locked="0"/>
    </xf>
    <xf numFmtId="0" fontId="5" fillId="2" borderId="13"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36" xfId="0" applyNumberFormat="1" applyFont="1" applyFill="1" applyBorder="1" applyAlignment="1" applyProtection="1">
      <alignment horizontal="center" vertical="center" wrapText="1"/>
      <protection locked="0"/>
    </xf>
    <xf numFmtId="49" fontId="4" fillId="2" borderId="37" xfId="0" applyNumberFormat="1" applyFont="1" applyFill="1" applyBorder="1" applyAlignment="1" applyProtection="1">
      <alignment horizontal="center" vertical="center" wrapText="1"/>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49" fontId="5" fillId="8" borderId="20" xfId="0" applyNumberFormat="1" applyFont="1" applyFill="1" applyBorder="1" applyAlignment="1" applyProtection="1">
      <alignment horizontal="left" vertical="center" wrapText="1"/>
      <protection locked="0"/>
    </xf>
    <xf numFmtId="49" fontId="5" fillId="8" borderId="21" xfId="0" applyNumberFormat="1" applyFont="1" applyFill="1" applyBorder="1" applyAlignment="1" applyProtection="1">
      <alignment horizontal="left" vertical="center" wrapText="1"/>
      <protection locked="0"/>
    </xf>
    <xf numFmtId="49" fontId="5" fillId="8" borderId="22" xfId="0" applyNumberFormat="1" applyFont="1" applyFill="1" applyBorder="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3" fillId="0" borderId="0" xfId="0" applyFont="1" applyAlignment="1" applyProtection="1">
      <alignment horizontal="center" vertical="center"/>
      <protection locked="0"/>
    </xf>
    <xf numFmtId="0" fontId="4" fillId="0" borderId="0" xfId="0" applyFont="1" applyAlignment="1" applyProtection="1">
      <alignment horizontal="left" vertical="top" wrapText="1"/>
      <protection locked="0"/>
    </xf>
    <xf numFmtId="0" fontId="2" fillId="0" borderId="0" xfId="0" applyFont="1" applyAlignment="1" applyProtection="1">
      <alignment horizontal="left" wrapText="1"/>
      <protection locked="0"/>
    </xf>
    <xf numFmtId="0" fontId="2" fillId="0" borderId="0" xfId="0" applyFont="1" applyFill="1" applyAlignment="1" applyProtection="1">
      <alignment horizontal="center" vertical="top"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4" fillId="6" borderId="0" xfId="0" applyFont="1" applyFill="1" applyAlignment="1" applyProtection="1">
      <alignment horizontal="left" vertical="top" wrapText="1"/>
      <protection locked="0"/>
    </xf>
    <xf numFmtId="49" fontId="4" fillId="0" borderId="0" xfId="0" applyNumberFormat="1" applyFont="1" applyFill="1" applyAlignment="1" applyProtection="1">
      <alignment horizontal="left" vertical="top" wrapText="1"/>
      <protection locked="0"/>
    </xf>
    <xf numFmtId="16" fontId="4" fillId="0" borderId="0" xfId="0" applyNumberFormat="1" applyFont="1" applyFill="1" applyAlignment="1" applyProtection="1">
      <alignment horizontal="left" vertical="top" wrapText="1"/>
      <protection locked="0"/>
    </xf>
    <xf numFmtId="49" fontId="3" fillId="0" borderId="0" xfId="0" applyNumberFormat="1" applyFont="1" applyFill="1" applyAlignment="1" applyProtection="1">
      <alignment horizontal="left" vertical="center" wrapText="1"/>
      <protection locked="0"/>
    </xf>
    <xf numFmtId="49" fontId="5" fillId="2" borderId="12" xfId="0" applyNumberFormat="1" applyFont="1" applyFill="1" applyBorder="1" applyAlignment="1" applyProtection="1">
      <alignment horizontal="left" vertical="top" wrapText="1"/>
      <protection locked="0"/>
    </xf>
    <xf numFmtId="49" fontId="5" fillId="2" borderId="3" xfId="0" applyNumberFormat="1" applyFont="1" applyFill="1" applyBorder="1" applyAlignment="1" applyProtection="1">
      <alignment horizontal="left" vertical="top" wrapText="1"/>
      <protection locked="0"/>
    </xf>
    <xf numFmtId="49" fontId="4" fillId="2" borderId="16" xfId="0" applyNumberFormat="1" applyFont="1" applyFill="1" applyBorder="1" applyAlignment="1" applyProtection="1">
      <alignment horizontal="center" vertical="center" wrapText="1"/>
      <protection locked="0"/>
    </xf>
    <xf numFmtId="49" fontId="4" fillId="2" borderId="4" xfId="0" applyNumberFormat="1" applyFont="1" applyFill="1" applyBorder="1" applyAlignment="1" applyProtection="1">
      <alignment horizontal="center" vertical="center" wrapText="1"/>
      <protection locked="0"/>
    </xf>
    <xf numFmtId="0" fontId="2" fillId="0" borderId="27" xfId="0" applyFont="1" applyFill="1" applyBorder="1" applyAlignment="1" applyProtection="1">
      <alignment horizontal="left" vertical="center" wrapText="1"/>
      <protection locked="0"/>
    </xf>
    <xf numFmtId="0" fontId="2" fillId="0" borderId="28" xfId="0" applyFont="1" applyFill="1" applyBorder="1" applyAlignment="1" applyProtection="1">
      <alignment horizontal="left" vertical="center" wrapText="1"/>
      <protection locked="0"/>
    </xf>
    <xf numFmtId="0" fontId="2" fillId="0" borderId="23" xfId="0" applyFont="1" applyFill="1" applyBorder="1" applyAlignment="1" applyProtection="1">
      <alignment horizontal="left" vertical="center" wrapText="1"/>
      <protection locked="0"/>
    </xf>
    <xf numFmtId="0" fontId="2" fillId="0" borderId="38" xfId="0" applyFont="1" applyFill="1" applyBorder="1" applyAlignment="1" applyProtection="1">
      <alignment horizontal="left" vertical="center" wrapText="1"/>
      <protection locked="0"/>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14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52</xdr:row>
          <xdr:rowOff>9525</xdr:rowOff>
        </xdr:from>
        <xdr:to>
          <xdr:col>1</xdr:col>
          <xdr:colOff>885825</xdr:colOff>
          <xdr:row>52</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53</xdr:row>
          <xdr:rowOff>0</xdr:rowOff>
        </xdr:from>
        <xdr:to>
          <xdr:col>1</xdr:col>
          <xdr:colOff>885825</xdr:colOff>
          <xdr:row>53</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332"/>
  <sheetViews>
    <sheetView showGridLines="0" tabSelected="1" zoomScale="90" zoomScaleNormal="90" workbookViewId="0">
      <selection activeCell="B1" sqref="B1:F1"/>
    </sheetView>
  </sheetViews>
  <sheetFormatPr defaultRowHeight="12.75" x14ac:dyDescent="0.2"/>
  <cols>
    <col min="1" max="1" width="5.5703125" style="11" customWidth="1"/>
    <col min="2" max="2" width="13.5703125" style="11" customWidth="1"/>
    <col min="3" max="3" width="70.42578125" style="11" customWidth="1"/>
    <col min="4" max="4" width="16.42578125" style="26" customWidth="1"/>
    <col min="5" max="5" width="13.7109375" style="26" customWidth="1"/>
    <col min="6" max="6" width="19.7109375" style="16" customWidth="1"/>
    <col min="7" max="7" width="17.140625" style="11" customWidth="1"/>
    <col min="8" max="8" width="9.140625" style="11"/>
    <col min="9" max="9" width="9.140625" style="11" customWidth="1"/>
    <col min="10" max="16384" width="9.140625" style="11"/>
  </cols>
  <sheetData>
    <row r="1" spans="2:6" ht="24" customHeight="1" x14ac:dyDescent="0.2">
      <c r="B1" s="170" t="s">
        <v>41</v>
      </c>
      <c r="C1" s="170"/>
      <c r="D1" s="170"/>
      <c r="E1" s="170"/>
      <c r="F1" s="170"/>
    </row>
    <row r="2" spans="2:6" s="12" customFormat="1" ht="27.75" customHeight="1" x14ac:dyDescent="0.2">
      <c r="B2" s="169" t="s">
        <v>39</v>
      </c>
      <c r="C2" s="169"/>
      <c r="D2" s="169"/>
      <c r="E2" s="169"/>
      <c r="F2" s="169"/>
    </row>
    <row r="3" spans="2:6" s="12" customFormat="1" ht="54.75" customHeight="1" x14ac:dyDescent="0.2">
      <c r="B3" s="173" t="s">
        <v>44</v>
      </c>
      <c r="C3" s="173"/>
      <c r="D3" s="173"/>
      <c r="E3" s="173"/>
      <c r="F3" s="173"/>
    </row>
    <row r="4" spans="2:6" ht="24.95" customHeight="1" x14ac:dyDescent="0.2">
      <c r="B4" s="13" t="s">
        <v>43</v>
      </c>
      <c r="C4" s="14"/>
      <c r="D4" s="66"/>
      <c r="E4" s="66"/>
      <c r="F4" s="66"/>
    </row>
    <row r="5" spans="2:6" ht="24.95" customHeight="1" x14ac:dyDescent="0.2">
      <c r="B5" s="13" t="s">
        <v>42</v>
      </c>
      <c r="C5" s="15"/>
      <c r="D5" s="66"/>
      <c r="E5" s="66"/>
      <c r="F5" s="66"/>
    </row>
    <row r="6" spans="2:6" ht="5.0999999999999996" customHeight="1" x14ac:dyDescent="0.2">
      <c r="B6" s="66"/>
      <c r="C6" s="66"/>
      <c r="D6" s="66"/>
      <c r="E6" s="66"/>
      <c r="F6" s="66"/>
    </row>
    <row r="7" spans="2:6" s="16" customFormat="1" ht="20.100000000000001" customHeight="1" x14ac:dyDescent="0.25">
      <c r="B7" s="130" t="s">
        <v>4</v>
      </c>
      <c r="C7" s="130"/>
      <c r="D7" s="130"/>
      <c r="E7" s="130"/>
      <c r="F7" s="130"/>
    </row>
    <row r="8" spans="2:6" s="16" customFormat="1" ht="20.100000000000001" customHeight="1" x14ac:dyDescent="0.25">
      <c r="B8" s="174" t="s">
        <v>8</v>
      </c>
      <c r="C8" s="174"/>
      <c r="D8" s="174"/>
      <c r="E8" s="174"/>
      <c r="F8" s="174"/>
    </row>
    <row r="9" spans="2:6" ht="28.5" customHeight="1" x14ac:dyDescent="0.2">
      <c r="B9" s="175" t="s">
        <v>91</v>
      </c>
      <c r="C9" s="175"/>
      <c r="D9" s="175"/>
      <c r="E9" s="175"/>
      <c r="F9" s="175"/>
    </row>
    <row r="10" spans="2:6" ht="4.5" customHeight="1" x14ac:dyDescent="0.2">
      <c r="B10" s="17"/>
      <c r="C10" s="17"/>
      <c r="D10" s="17"/>
      <c r="E10" s="17"/>
      <c r="F10" s="17"/>
    </row>
    <row r="11" spans="2:6" s="16" customFormat="1" ht="19.5" customHeight="1" x14ac:dyDescent="0.25">
      <c r="B11" s="176" t="s">
        <v>9</v>
      </c>
      <c r="C11" s="176"/>
      <c r="D11" s="176"/>
      <c r="E11" s="176"/>
      <c r="F11" s="176"/>
    </row>
    <row r="12" spans="2:6" s="16" customFormat="1" ht="20.100000000000001" customHeight="1" x14ac:dyDescent="0.25">
      <c r="B12" s="179" t="s">
        <v>77</v>
      </c>
      <c r="C12" s="179"/>
      <c r="D12" s="70"/>
      <c r="E12" s="68"/>
      <c r="F12" s="68"/>
    </row>
    <row r="13" spans="2:6" s="16" customFormat="1" ht="20.100000000000001" customHeight="1" x14ac:dyDescent="0.25">
      <c r="B13" s="179" t="s">
        <v>78</v>
      </c>
      <c r="C13" s="179"/>
      <c r="D13" s="70"/>
      <c r="E13" s="68"/>
      <c r="F13" s="68"/>
    </row>
    <row r="14" spans="2:6" s="19" customFormat="1" ht="20.100000000000001" customHeight="1" x14ac:dyDescent="0.25">
      <c r="B14" s="177" t="s">
        <v>79</v>
      </c>
      <c r="C14" s="177"/>
      <c r="D14" s="69"/>
      <c r="E14" s="18"/>
      <c r="F14" s="18"/>
    </row>
    <row r="15" spans="2:6" s="19" customFormat="1" ht="20.100000000000001" customHeight="1" x14ac:dyDescent="0.25">
      <c r="B15" s="177" t="s">
        <v>57</v>
      </c>
      <c r="C15" s="177"/>
      <c r="D15" s="177"/>
      <c r="E15" s="18"/>
      <c r="F15" s="18"/>
    </row>
    <row r="16" spans="2:6" ht="4.5" customHeight="1" x14ac:dyDescent="0.2">
      <c r="B16" s="67"/>
      <c r="C16" s="67"/>
      <c r="D16" s="67"/>
      <c r="E16" s="17"/>
      <c r="F16" s="17"/>
    </row>
    <row r="17" spans="2:6" ht="20.100000000000001" customHeight="1" x14ac:dyDescent="0.2">
      <c r="B17" s="20" t="s">
        <v>10</v>
      </c>
      <c r="C17" s="21"/>
      <c r="D17" s="21"/>
      <c r="E17" s="22"/>
      <c r="F17" s="22"/>
    </row>
    <row r="18" spans="2:6" s="25" customFormat="1" ht="24.95" customHeight="1" x14ac:dyDescent="0.25">
      <c r="B18" s="171" t="s">
        <v>51</v>
      </c>
      <c r="C18" s="171"/>
      <c r="D18" s="171"/>
      <c r="E18" s="23"/>
      <c r="F18" s="24"/>
    </row>
    <row r="19" spans="2:6" ht="5.0999999999999996" customHeight="1" x14ac:dyDescent="0.2">
      <c r="B19" s="172"/>
      <c r="C19" s="172"/>
      <c r="D19" s="172"/>
      <c r="F19" s="27"/>
    </row>
    <row r="20" spans="2:6" s="16" customFormat="1" ht="20.100000000000001" customHeight="1" x14ac:dyDescent="0.25">
      <c r="B20" s="130" t="s">
        <v>21</v>
      </c>
      <c r="C20" s="130"/>
      <c r="D20" s="130"/>
      <c r="E20" s="130"/>
      <c r="F20" s="130"/>
    </row>
    <row r="21" spans="2:6" ht="34.5" customHeight="1" x14ac:dyDescent="0.2">
      <c r="B21" s="178" t="s">
        <v>368</v>
      </c>
      <c r="C21" s="178"/>
      <c r="D21" s="178"/>
      <c r="E21" s="178"/>
      <c r="F21" s="178"/>
    </row>
    <row r="22" spans="2:6" ht="5.0999999999999996" customHeight="1" x14ac:dyDescent="0.2">
      <c r="B22" s="172"/>
      <c r="C22" s="172"/>
      <c r="D22" s="172"/>
      <c r="F22" s="27"/>
    </row>
    <row r="23" spans="2:6" s="16" customFormat="1" ht="20.100000000000001" customHeight="1" x14ac:dyDescent="0.25">
      <c r="B23" s="130" t="s">
        <v>22</v>
      </c>
      <c r="C23" s="130"/>
      <c r="D23" s="130"/>
      <c r="E23" s="130"/>
      <c r="F23" s="130"/>
    </row>
    <row r="24" spans="2:6" s="28" customFormat="1" ht="20.100000000000001" customHeight="1" x14ac:dyDescent="0.25">
      <c r="B24" s="180" t="s">
        <v>5</v>
      </c>
      <c r="C24" s="180"/>
      <c r="D24" s="180"/>
      <c r="E24" s="180"/>
      <c r="F24" s="180"/>
    </row>
    <row r="25" spans="2:6" s="28" customFormat="1" ht="20.100000000000001" customHeight="1" x14ac:dyDescent="0.25">
      <c r="B25" s="164" t="s">
        <v>16</v>
      </c>
      <c r="C25" s="165"/>
      <c r="D25" s="71"/>
      <c r="E25" s="71"/>
      <c r="F25" s="71"/>
    </row>
    <row r="26" spans="2:6" s="28" customFormat="1" ht="20.100000000000001" customHeight="1" x14ac:dyDescent="0.25">
      <c r="B26" s="29"/>
      <c r="C26" s="29" t="s">
        <v>19</v>
      </c>
      <c r="D26" s="71"/>
      <c r="E26" s="71"/>
      <c r="F26" s="71"/>
    </row>
    <row r="27" spans="2:6" s="28" customFormat="1" ht="20.100000000000001" customHeight="1" x14ac:dyDescent="0.25">
      <c r="B27" s="29"/>
      <c r="C27" s="29" t="s">
        <v>20</v>
      </c>
      <c r="D27" s="71"/>
      <c r="E27" s="71"/>
      <c r="F27" s="71"/>
    </row>
    <row r="28" spans="2:6" s="28" customFormat="1" ht="20.100000000000001" customHeight="1" x14ac:dyDescent="0.25">
      <c r="B28" s="164" t="s">
        <v>17</v>
      </c>
      <c r="C28" s="165"/>
      <c r="D28" s="71"/>
      <c r="E28" s="71"/>
      <c r="F28" s="71"/>
    </row>
    <row r="29" spans="2:6" s="28" customFormat="1" ht="39" customHeight="1" x14ac:dyDescent="0.25">
      <c r="B29" s="30" t="s">
        <v>92</v>
      </c>
      <c r="C29" s="153" t="s">
        <v>12</v>
      </c>
      <c r="D29" s="154"/>
      <c r="E29" s="31" t="s">
        <v>11</v>
      </c>
      <c r="F29" s="31" t="s">
        <v>62</v>
      </c>
    </row>
    <row r="30" spans="2:6" s="28" customFormat="1" ht="24.95" customHeight="1" x14ac:dyDescent="0.25">
      <c r="B30" s="32">
        <v>1</v>
      </c>
      <c r="C30" s="128" t="s">
        <v>93</v>
      </c>
      <c r="D30" s="128"/>
      <c r="E30" s="32" t="s">
        <v>1</v>
      </c>
      <c r="F30" s="61">
        <v>18</v>
      </c>
    </row>
    <row r="31" spans="2:6" s="28" customFormat="1" ht="24.95" customHeight="1" x14ac:dyDescent="0.25">
      <c r="B31" s="32">
        <v>2</v>
      </c>
      <c r="C31" s="128" t="s">
        <v>94</v>
      </c>
      <c r="D31" s="128"/>
      <c r="E31" s="32" t="s">
        <v>1</v>
      </c>
      <c r="F31" s="61">
        <v>11</v>
      </c>
    </row>
    <row r="32" spans="2:6" s="28" customFormat="1" ht="24.95" customHeight="1" x14ac:dyDescent="0.25">
      <c r="B32" s="32">
        <v>3</v>
      </c>
      <c r="C32" s="128" t="s">
        <v>95</v>
      </c>
      <c r="D32" s="128"/>
      <c r="E32" s="32" t="s">
        <v>1</v>
      </c>
      <c r="F32" s="61">
        <v>29</v>
      </c>
    </row>
    <row r="33" spans="2:6" s="28" customFormat="1" ht="24.95" customHeight="1" x14ac:dyDescent="0.25">
      <c r="B33" s="32">
        <v>4</v>
      </c>
      <c r="C33" s="128" t="s">
        <v>96</v>
      </c>
      <c r="D33" s="128"/>
      <c r="E33" s="32" t="s">
        <v>1</v>
      </c>
      <c r="F33" s="61">
        <v>5</v>
      </c>
    </row>
    <row r="34" spans="2:6" s="28" customFormat="1" ht="24.95" customHeight="1" x14ac:dyDescent="0.25">
      <c r="B34" s="32">
        <v>5</v>
      </c>
      <c r="C34" s="128" t="s">
        <v>97</v>
      </c>
      <c r="D34" s="128"/>
      <c r="E34" s="32" t="s">
        <v>1</v>
      </c>
      <c r="F34" s="61">
        <v>10</v>
      </c>
    </row>
    <row r="35" spans="2:6" s="28" customFormat="1" ht="24.95" customHeight="1" x14ac:dyDescent="0.25">
      <c r="B35" s="32">
        <v>6</v>
      </c>
      <c r="C35" s="128" t="s">
        <v>98</v>
      </c>
      <c r="D35" s="128"/>
      <c r="E35" s="32" t="s">
        <v>1</v>
      </c>
      <c r="F35" s="61">
        <v>10</v>
      </c>
    </row>
    <row r="36" spans="2:6" s="28" customFormat="1" ht="24.95" customHeight="1" x14ac:dyDescent="0.25">
      <c r="B36" s="32">
        <v>7</v>
      </c>
      <c r="C36" s="128" t="s">
        <v>99</v>
      </c>
      <c r="D36" s="128"/>
      <c r="E36" s="32" t="s">
        <v>1</v>
      </c>
      <c r="F36" s="61">
        <v>10</v>
      </c>
    </row>
    <row r="37" spans="2:6" s="28" customFormat="1" ht="24.95" customHeight="1" x14ac:dyDescent="0.25">
      <c r="B37" s="32">
        <v>8</v>
      </c>
      <c r="C37" s="128" t="s">
        <v>100</v>
      </c>
      <c r="D37" s="128"/>
      <c r="E37" s="32" t="s">
        <v>1</v>
      </c>
      <c r="F37" s="61">
        <v>6</v>
      </c>
    </row>
    <row r="38" spans="2:6" s="28" customFormat="1" ht="24.95" customHeight="1" x14ac:dyDescent="0.25">
      <c r="B38" s="32">
        <v>9</v>
      </c>
      <c r="C38" s="128" t="s">
        <v>101</v>
      </c>
      <c r="D38" s="128"/>
      <c r="E38" s="32" t="s">
        <v>1</v>
      </c>
      <c r="F38" s="61">
        <v>29</v>
      </c>
    </row>
    <row r="39" spans="2:6" s="28" customFormat="1" ht="24.95" customHeight="1" x14ac:dyDescent="0.25">
      <c r="B39" s="32">
        <v>10</v>
      </c>
      <c r="C39" s="128" t="s">
        <v>102</v>
      </c>
      <c r="D39" s="128"/>
      <c r="E39" s="32" t="s">
        <v>1</v>
      </c>
      <c r="F39" s="61">
        <v>29</v>
      </c>
    </row>
    <row r="40" spans="2:6" s="28" customFormat="1" ht="24.95" customHeight="1" x14ac:dyDescent="0.25">
      <c r="B40" s="32">
        <v>11</v>
      </c>
      <c r="C40" s="128" t="s">
        <v>103</v>
      </c>
      <c r="D40" s="128"/>
      <c r="E40" s="32" t="s">
        <v>1</v>
      </c>
      <c r="F40" s="61">
        <v>1</v>
      </c>
    </row>
    <row r="41" spans="2:6" s="28" customFormat="1" ht="24.95" customHeight="1" x14ac:dyDescent="0.25">
      <c r="B41" s="32">
        <v>12</v>
      </c>
      <c r="C41" s="128" t="s">
        <v>104</v>
      </c>
      <c r="D41" s="128"/>
      <c r="E41" s="32" t="s">
        <v>1</v>
      </c>
      <c r="F41" s="61">
        <v>4</v>
      </c>
    </row>
    <row r="42" spans="2:6" s="28" customFormat="1" ht="24.95" customHeight="1" x14ac:dyDescent="0.25">
      <c r="B42" s="32">
        <v>13</v>
      </c>
      <c r="C42" s="128" t="s">
        <v>105</v>
      </c>
      <c r="D42" s="128"/>
      <c r="E42" s="32" t="s">
        <v>1</v>
      </c>
      <c r="F42" s="61">
        <v>29</v>
      </c>
    </row>
    <row r="43" spans="2:6" s="28" customFormat="1" ht="24.95" customHeight="1" x14ac:dyDescent="0.25">
      <c r="B43" s="32">
        <v>14</v>
      </c>
      <c r="C43" s="128" t="s">
        <v>106</v>
      </c>
      <c r="D43" s="128"/>
      <c r="E43" s="32" t="s">
        <v>1</v>
      </c>
      <c r="F43" s="61">
        <v>29</v>
      </c>
    </row>
    <row r="44" spans="2:6" s="28" customFormat="1" ht="24.95" customHeight="1" x14ac:dyDescent="0.25">
      <c r="B44" s="32">
        <v>15</v>
      </c>
      <c r="C44" s="128" t="s">
        <v>107</v>
      </c>
      <c r="D44" s="128"/>
      <c r="E44" s="32" t="s">
        <v>1</v>
      </c>
      <c r="F44" s="61">
        <v>90</v>
      </c>
    </row>
    <row r="45" spans="2:6" s="28" customFormat="1" ht="24.95" customHeight="1" x14ac:dyDescent="0.25">
      <c r="B45" s="32">
        <v>16</v>
      </c>
      <c r="C45" s="128" t="s">
        <v>108</v>
      </c>
      <c r="D45" s="128"/>
      <c r="E45" s="32" t="s">
        <v>1</v>
      </c>
      <c r="F45" s="61">
        <v>15</v>
      </c>
    </row>
    <row r="46" spans="2:6" s="28" customFormat="1" ht="24.95" customHeight="1" x14ac:dyDescent="0.25">
      <c r="B46" s="32">
        <v>17</v>
      </c>
      <c r="C46" s="128" t="s">
        <v>109</v>
      </c>
      <c r="D46" s="128"/>
      <c r="E46" s="32" t="s">
        <v>1</v>
      </c>
      <c r="F46" s="61">
        <v>10</v>
      </c>
    </row>
    <row r="47" spans="2:6" s="28" customFormat="1" ht="24.95" customHeight="1" x14ac:dyDescent="0.25">
      <c r="B47" s="32">
        <v>18</v>
      </c>
      <c r="C47" s="128" t="s">
        <v>110</v>
      </c>
      <c r="D47" s="128"/>
      <c r="E47" s="32" t="s">
        <v>1</v>
      </c>
      <c r="F47" s="61">
        <v>6</v>
      </c>
    </row>
    <row r="48" spans="2:6" s="28" customFormat="1" ht="24.95" customHeight="1" x14ac:dyDescent="0.25">
      <c r="B48" s="32">
        <v>19</v>
      </c>
      <c r="C48" s="128" t="s">
        <v>111</v>
      </c>
      <c r="D48" s="128"/>
      <c r="E48" s="32" t="s">
        <v>1</v>
      </c>
      <c r="F48" s="61">
        <v>10</v>
      </c>
    </row>
    <row r="49" spans="2:7" s="28" customFormat="1" ht="24.95" customHeight="1" x14ac:dyDescent="0.25">
      <c r="B49" s="32">
        <v>20</v>
      </c>
      <c r="C49" s="128" t="s">
        <v>112</v>
      </c>
      <c r="D49" s="128"/>
      <c r="E49" s="32" t="s">
        <v>1</v>
      </c>
      <c r="F49" s="61">
        <v>10</v>
      </c>
    </row>
    <row r="50" spans="2:7" s="28" customFormat="1" ht="24.95" customHeight="1" x14ac:dyDescent="0.25">
      <c r="B50" s="32">
        <v>21</v>
      </c>
      <c r="C50" s="128" t="s">
        <v>113</v>
      </c>
      <c r="D50" s="128"/>
      <c r="E50" s="32" t="s">
        <v>1</v>
      </c>
      <c r="F50" s="61">
        <v>3</v>
      </c>
    </row>
    <row r="51" spans="2:7" s="28" customFormat="1" ht="4.5" customHeight="1" x14ac:dyDescent="0.25">
      <c r="B51" s="71"/>
      <c r="C51" s="71"/>
      <c r="D51" s="71"/>
      <c r="E51" s="71"/>
      <c r="F51" s="71"/>
    </row>
    <row r="52" spans="2:7" s="28" customFormat="1" ht="20.100000000000001" customHeight="1" x14ac:dyDescent="0.25">
      <c r="B52" s="164" t="s">
        <v>18</v>
      </c>
      <c r="C52" s="165"/>
      <c r="D52" s="71"/>
      <c r="E52" s="71"/>
      <c r="F52" s="71"/>
    </row>
    <row r="53" spans="2:7" s="28" customFormat="1" ht="20.100000000000001" customHeight="1" x14ac:dyDescent="0.2">
      <c r="B53" s="12"/>
      <c r="C53" s="28" t="s">
        <v>2</v>
      </c>
      <c r="D53" s="71"/>
      <c r="E53" s="71"/>
      <c r="F53" s="71"/>
    </row>
    <row r="54" spans="2:7" s="28" customFormat="1" ht="20.100000000000001" customHeight="1" x14ac:dyDescent="0.25">
      <c r="B54" s="29"/>
      <c r="C54" s="16" t="s">
        <v>3</v>
      </c>
      <c r="D54" s="71"/>
      <c r="E54" s="71"/>
      <c r="F54" s="71"/>
    </row>
    <row r="55" spans="2:7" ht="5.0999999999999996" customHeight="1" x14ac:dyDescent="0.2"/>
    <row r="56" spans="2:7" s="16" customFormat="1" ht="20.100000000000001" customHeight="1" x14ac:dyDescent="0.25">
      <c r="B56" s="130" t="s">
        <v>23</v>
      </c>
      <c r="C56" s="130"/>
      <c r="D56" s="130"/>
      <c r="E56" s="130"/>
      <c r="F56" s="130"/>
    </row>
    <row r="57" spans="2:7" s="16" customFormat="1" ht="5.0999999999999996" customHeight="1" thickBot="1" x14ac:dyDescent="0.3">
      <c r="B57" s="27"/>
      <c r="D57" s="33"/>
      <c r="E57" s="33"/>
      <c r="F57" s="33"/>
    </row>
    <row r="58" spans="2:7" s="25" customFormat="1" ht="93" customHeight="1" x14ac:dyDescent="0.25">
      <c r="B58" s="155" t="s">
        <v>0</v>
      </c>
      <c r="C58" s="156"/>
      <c r="D58" s="159" t="s">
        <v>52</v>
      </c>
      <c r="E58" s="160"/>
      <c r="F58" s="161"/>
      <c r="G58" s="34"/>
    </row>
    <row r="59" spans="2:7" s="25" customFormat="1" ht="30" customHeight="1" thickBot="1" x14ac:dyDescent="0.3">
      <c r="B59" s="157"/>
      <c r="C59" s="158"/>
      <c r="D59" s="59" t="s">
        <v>24</v>
      </c>
      <c r="E59" s="162" t="s">
        <v>25</v>
      </c>
      <c r="F59" s="163"/>
    </row>
    <row r="60" spans="2:7" s="36" customFormat="1" ht="30.75" customHeight="1" x14ac:dyDescent="0.25">
      <c r="B60" s="166" t="s">
        <v>114</v>
      </c>
      <c r="C60" s="167"/>
      <c r="D60" s="167"/>
      <c r="E60" s="167"/>
      <c r="F60" s="168"/>
    </row>
    <row r="61" spans="2:7" s="38" customFormat="1" ht="30" customHeight="1" x14ac:dyDescent="0.25">
      <c r="B61" s="72" t="s">
        <v>14</v>
      </c>
      <c r="C61" s="73" t="s">
        <v>132</v>
      </c>
      <c r="D61" s="37"/>
      <c r="E61" s="119"/>
      <c r="F61" s="120"/>
    </row>
    <row r="62" spans="2:7" s="38" customFormat="1" ht="70.5" customHeight="1" x14ac:dyDescent="0.25">
      <c r="B62" s="74" t="s">
        <v>63</v>
      </c>
      <c r="C62" s="75" t="s">
        <v>133</v>
      </c>
      <c r="D62" s="37"/>
      <c r="E62" s="119"/>
      <c r="F62" s="120"/>
    </row>
    <row r="63" spans="2:7" s="38" customFormat="1" ht="31.5" customHeight="1" x14ac:dyDescent="0.25">
      <c r="B63" s="74" t="s">
        <v>64</v>
      </c>
      <c r="C63" s="75" t="s">
        <v>134</v>
      </c>
      <c r="D63" s="37"/>
      <c r="E63" s="119"/>
      <c r="F63" s="120"/>
    </row>
    <row r="64" spans="2:7" s="38" customFormat="1" ht="31.5" customHeight="1" x14ac:dyDescent="0.25">
      <c r="B64" s="74" t="s">
        <v>65</v>
      </c>
      <c r="C64" s="75" t="s">
        <v>135</v>
      </c>
      <c r="D64" s="37"/>
      <c r="E64" s="119"/>
      <c r="F64" s="120"/>
    </row>
    <row r="65" spans="2:6" s="38" customFormat="1" ht="26.25" customHeight="1" x14ac:dyDescent="0.25">
      <c r="B65" s="74" t="s">
        <v>66</v>
      </c>
      <c r="C65" s="75" t="s">
        <v>136</v>
      </c>
      <c r="D65" s="37"/>
      <c r="E65" s="119"/>
      <c r="F65" s="120"/>
    </row>
    <row r="66" spans="2:6" s="38" customFormat="1" ht="30" customHeight="1" x14ac:dyDescent="0.25">
      <c r="B66" s="74" t="s">
        <v>67</v>
      </c>
      <c r="C66" s="75" t="s">
        <v>137</v>
      </c>
      <c r="D66" s="37"/>
      <c r="E66" s="119"/>
      <c r="F66" s="120"/>
    </row>
    <row r="67" spans="2:6" s="38" customFormat="1" ht="25.5" customHeight="1" x14ac:dyDescent="0.25">
      <c r="B67" s="74" t="s">
        <v>68</v>
      </c>
      <c r="C67" s="75" t="s">
        <v>138</v>
      </c>
      <c r="D67" s="37"/>
      <c r="E67" s="119"/>
      <c r="F67" s="120"/>
    </row>
    <row r="68" spans="2:6" s="38" customFormat="1" ht="30" customHeight="1" x14ac:dyDescent="0.25">
      <c r="B68" s="74" t="s">
        <v>115</v>
      </c>
      <c r="C68" s="75" t="s">
        <v>139</v>
      </c>
      <c r="D68" s="37"/>
      <c r="E68" s="119"/>
      <c r="F68" s="120"/>
    </row>
    <row r="69" spans="2:6" s="38" customFormat="1" ht="27.75" customHeight="1" x14ac:dyDescent="0.25">
      <c r="B69" s="74" t="s">
        <v>116</v>
      </c>
      <c r="C69" s="75" t="s">
        <v>140</v>
      </c>
      <c r="D69" s="37"/>
      <c r="E69" s="119"/>
      <c r="F69" s="120"/>
    </row>
    <row r="70" spans="2:6" s="38" customFormat="1" ht="29.25" customHeight="1" x14ac:dyDescent="0.25">
      <c r="B70" s="74" t="s">
        <v>117</v>
      </c>
      <c r="C70" s="75" t="s">
        <v>141</v>
      </c>
      <c r="D70" s="37"/>
      <c r="E70" s="119"/>
      <c r="F70" s="120"/>
    </row>
    <row r="71" spans="2:6" s="38" customFormat="1" ht="33" customHeight="1" x14ac:dyDescent="0.25">
      <c r="B71" s="74" t="s">
        <v>118</v>
      </c>
      <c r="C71" s="75" t="s">
        <v>142</v>
      </c>
      <c r="D71" s="37"/>
      <c r="E71" s="119"/>
      <c r="F71" s="120"/>
    </row>
    <row r="72" spans="2:6" s="38" customFormat="1" ht="27.75" customHeight="1" x14ac:dyDescent="0.25">
      <c r="B72" s="74" t="s">
        <v>119</v>
      </c>
      <c r="C72" s="75" t="s">
        <v>143</v>
      </c>
      <c r="D72" s="37"/>
      <c r="E72" s="119"/>
      <c r="F72" s="120"/>
    </row>
    <row r="73" spans="2:6" s="38" customFormat="1" ht="30" customHeight="1" x14ac:dyDescent="0.25">
      <c r="B73" s="74" t="s">
        <v>120</v>
      </c>
      <c r="C73" s="75" t="s">
        <v>144</v>
      </c>
      <c r="D73" s="37"/>
      <c r="E73" s="119"/>
      <c r="F73" s="120"/>
    </row>
    <row r="74" spans="2:6" s="38" customFormat="1" ht="30" customHeight="1" x14ac:dyDescent="0.25">
      <c r="B74" s="74" t="s">
        <v>121</v>
      </c>
      <c r="C74" s="75" t="s">
        <v>145</v>
      </c>
      <c r="D74" s="37"/>
      <c r="E74" s="119"/>
      <c r="F74" s="120"/>
    </row>
    <row r="75" spans="2:6" s="38" customFormat="1" ht="27.75" customHeight="1" x14ac:dyDescent="0.25">
      <c r="B75" s="74" t="s">
        <v>122</v>
      </c>
      <c r="C75" s="75" t="s">
        <v>146</v>
      </c>
      <c r="D75" s="37"/>
      <c r="E75" s="119"/>
      <c r="F75" s="120"/>
    </row>
    <row r="76" spans="2:6" s="38" customFormat="1" ht="27.75" customHeight="1" x14ac:dyDescent="0.25">
      <c r="B76" s="74" t="s">
        <v>123</v>
      </c>
      <c r="C76" s="75" t="s">
        <v>147</v>
      </c>
      <c r="D76" s="37"/>
      <c r="E76" s="119"/>
      <c r="F76" s="120"/>
    </row>
    <row r="77" spans="2:6" s="38" customFormat="1" ht="31.5" customHeight="1" x14ac:dyDescent="0.25">
      <c r="B77" s="74" t="s">
        <v>124</v>
      </c>
      <c r="C77" s="75" t="s">
        <v>148</v>
      </c>
      <c r="D77" s="37"/>
      <c r="E77" s="119"/>
      <c r="F77" s="120"/>
    </row>
    <row r="78" spans="2:6" s="38" customFormat="1" ht="31.5" customHeight="1" x14ac:dyDescent="0.25">
      <c r="B78" s="74" t="s">
        <v>125</v>
      </c>
      <c r="C78" s="75" t="s">
        <v>149</v>
      </c>
      <c r="D78" s="37"/>
      <c r="E78" s="119"/>
      <c r="F78" s="120"/>
    </row>
    <row r="79" spans="2:6" s="38" customFormat="1" ht="26.25" customHeight="1" x14ac:dyDescent="0.25">
      <c r="B79" s="74" t="s">
        <v>126</v>
      </c>
      <c r="C79" s="75" t="s">
        <v>150</v>
      </c>
      <c r="D79" s="37"/>
      <c r="E79" s="119"/>
      <c r="F79" s="120"/>
    </row>
    <row r="80" spans="2:6" s="38" customFormat="1" ht="45.75" customHeight="1" x14ac:dyDescent="0.25">
      <c r="B80" s="74" t="s">
        <v>127</v>
      </c>
      <c r="C80" s="75" t="s">
        <v>151</v>
      </c>
      <c r="D80" s="37"/>
      <c r="E80" s="119"/>
      <c r="F80" s="120"/>
    </row>
    <row r="81" spans="2:6" s="38" customFormat="1" ht="25.5" customHeight="1" x14ac:dyDescent="0.25">
      <c r="B81" s="74" t="s">
        <v>128</v>
      </c>
      <c r="C81" s="75" t="s">
        <v>152</v>
      </c>
      <c r="D81" s="37"/>
      <c r="E81" s="119"/>
      <c r="F81" s="120"/>
    </row>
    <row r="82" spans="2:6" s="38" customFormat="1" ht="30" customHeight="1" x14ac:dyDescent="0.25">
      <c r="B82" s="74" t="s">
        <v>129</v>
      </c>
      <c r="C82" s="75" t="s">
        <v>153</v>
      </c>
      <c r="D82" s="37"/>
      <c r="E82" s="119"/>
      <c r="F82" s="120"/>
    </row>
    <row r="83" spans="2:6" s="38" customFormat="1" ht="45.75" customHeight="1" x14ac:dyDescent="0.25">
      <c r="B83" s="74" t="s">
        <v>130</v>
      </c>
      <c r="C83" s="75" t="s">
        <v>154</v>
      </c>
      <c r="D83" s="37"/>
      <c r="E83" s="119"/>
      <c r="F83" s="120"/>
    </row>
    <row r="84" spans="2:6" s="38" customFormat="1" ht="44.25" customHeight="1" x14ac:dyDescent="0.25">
      <c r="B84" s="74" t="s">
        <v>131</v>
      </c>
      <c r="C84" s="75" t="s">
        <v>155</v>
      </c>
      <c r="D84" s="37"/>
      <c r="E84" s="119"/>
      <c r="F84" s="120"/>
    </row>
    <row r="85" spans="2:6" s="36" customFormat="1" ht="30.75" customHeight="1" x14ac:dyDescent="0.25">
      <c r="B85" s="121" t="s">
        <v>156</v>
      </c>
      <c r="C85" s="122"/>
      <c r="D85" s="122"/>
      <c r="E85" s="122"/>
      <c r="F85" s="123"/>
    </row>
    <row r="86" spans="2:6" s="36" customFormat="1" ht="30.75" customHeight="1" x14ac:dyDescent="0.25">
      <c r="B86" s="117" t="s">
        <v>157</v>
      </c>
      <c r="C86" s="118"/>
      <c r="D86" s="37"/>
      <c r="E86" s="119"/>
      <c r="F86" s="120"/>
    </row>
    <row r="87" spans="2:6" s="36" customFormat="1" ht="30.75" customHeight="1" x14ac:dyDescent="0.25">
      <c r="B87" s="117" t="s">
        <v>158</v>
      </c>
      <c r="C87" s="118"/>
      <c r="D87" s="37"/>
      <c r="E87" s="119"/>
      <c r="F87" s="120"/>
    </row>
    <row r="88" spans="2:6" s="36" customFormat="1" ht="30.75" customHeight="1" x14ac:dyDescent="0.25">
      <c r="B88" s="117" t="s">
        <v>159</v>
      </c>
      <c r="C88" s="118"/>
      <c r="D88" s="37"/>
      <c r="E88" s="119"/>
      <c r="F88" s="120"/>
    </row>
    <row r="89" spans="2:6" s="36" customFormat="1" ht="30.75" customHeight="1" x14ac:dyDescent="0.25">
      <c r="B89" s="117" t="s">
        <v>160</v>
      </c>
      <c r="C89" s="118"/>
      <c r="D89" s="37"/>
      <c r="E89" s="119"/>
      <c r="F89" s="120"/>
    </row>
    <row r="90" spans="2:6" s="36" customFormat="1" ht="30.75" customHeight="1" x14ac:dyDescent="0.25">
      <c r="B90" s="117" t="s">
        <v>161</v>
      </c>
      <c r="C90" s="118"/>
      <c r="D90" s="37"/>
      <c r="E90" s="119"/>
      <c r="F90" s="120"/>
    </row>
    <row r="91" spans="2:6" s="36" customFormat="1" ht="30.75" customHeight="1" x14ac:dyDescent="0.25">
      <c r="B91" s="117" t="s">
        <v>162</v>
      </c>
      <c r="C91" s="118"/>
      <c r="D91" s="37"/>
      <c r="E91" s="119"/>
      <c r="F91" s="120"/>
    </row>
    <row r="92" spans="2:6" s="36" customFormat="1" ht="30.75" customHeight="1" x14ac:dyDescent="0.25">
      <c r="B92" s="117" t="s">
        <v>163</v>
      </c>
      <c r="C92" s="118"/>
      <c r="D92" s="37"/>
      <c r="E92" s="119"/>
      <c r="F92" s="120"/>
    </row>
    <row r="93" spans="2:6" s="36" customFormat="1" ht="30.75" customHeight="1" x14ac:dyDescent="0.25">
      <c r="B93" s="117" t="s">
        <v>164</v>
      </c>
      <c r="C93" s="118"/>
      <c r="D93" s="37"/>
      <c r="E93" s="119"/>
      <c r="F93" s="120"/>
    </row>
    <row r="94" spans="2:6" s="36" customFormat="1" ht="30.75" customHeight="1" x14ac:dyDescent="0.25">
      <c r="B94" s="121" t="s">
        <v>165</v>
      </c>
      <c r="C94" s="122"/>
      <c r="D94" s="122"/>
      <c r="E94" s="122"/>
      <c r="F94" s="123"/>
    </row>
    <row r="95" spans="2:6" s="38" customFormat="1" ht="33" customHeight="1" x14ac:dyDescent="0.25">
      <c r="B95" s="72" t="s">
        <v>14</v>
      </c>
      <c r="C95" s="75" t="s">
        <v>166</v>
      </c>
      <c r="D95" s="37"/>
      <c r="E95" s="119"/>
      <c r="F95" s="120"/>
    </row>
    <row r="96" spans="2:6" s="38" customFormat="1" ht="48.75" customHeight="1" x14ac:dyDescent="0.25">
      <c r="B96" s="74" t="s">
        <v>63</v>
      </c>
      <c r="C96" s="75" t="s">
        <v>167</v>
      </c>
      <c r="D96" s="37"/>
      <c r="E96" s="119"/>
      <c r="F96" s="120"/>
    </row>
    <row r="97" spans="2:6" s="38" customFormat="1" ht="30" customHeight="1" x14ac:dyDescent="0.25">
      <c r="B97" s="74" t="s">
        <v>64</v>
      </c>
      <c r="C97" s="75" t="s">
        <v>168</v>
      </c>
      <c r="D97" s="37"/>
      <c r="E97" s="119"/>
      <c r="F97" s="120"/>
    </row>
    <row r="98" spans="2:6" s="38" customFormat="1" ht="30" customHeight="1" x14ac:dyDescent="0.25">
      <c r="B98" s="72" t="s">
        <v>48</v>
      </c>
      <c r="C98" s="75" t="s">
        <v>169</v>
      </c>
      <c r="D98" s="37"/>
      <c r="E98" s="119"/>
      <c r="F98" s="120"/>
    </row>
    <row r="99" spans="2:6" s="38" customFormat="1" ht="27.75" customHeight="1" x14ac:dyDescent="0.25">
      <c r="B99" s="74" t="s">
        <v>69</v>
      </c>
      <c r="C99" s="75" t="s">
        <v>170</v>
      </c>
      <c r="D99" s="37"/>
      <c r="E99" s="119"/>
      <c r="F99" s="120"/>
    </row>
    <row r="100" spans="2:6" s="38" customFormat="1" ht="30" customHeight="1" x14ac:dyDescent="0.25">
      <c r="B100" s="74" t="s">
        <v>70</v>
      </c>
      <c r="C100" s="75" t="s">
        <v>171</v>
      </c>
      <c r="D100" s="37"/>
      <c r="E100" s="119"/>
      <c r="F100" s="120"/>
    </row>
    <row r="101" spans="2:6" s="38" customFormat="1" ht="27.75" customHeight="1" x14ac:dyDescent="0.25">
      <c r="B101" s="74" t="s">
        <v>71</v>
      </c>
      <c r="C101" s="75" t="s">
        <v>172</v>
      </c>
      <c r="D101" s="37"/>
      <c r="E101" s="119"/>
      <c r="F101" s="120"/>
    </row>
    <row r="102" spans="2:6" s="38" customFormat="1" ht="30" customHeight="1" x14ac:dyDescent="0.25">
      <c r="B102" s="72" t="s">
        <v>49</v>
      </c>
      <c r="C102" s="75" t="s">
        <v>173</v>
      </c>
      <c r="D102" s="37"/>
      <c r="E102" s="119"/>
      <c r="F102" s="120"/>
    </row>
    <row r="103" spans="2:6" s="38" customFormat="1" ht="31.5" customHeight="1" x14ac:dyDescent="0.25">
      <c r="B103" s="74" t="s">
        <v>72</v>
      </c>
      <c r="C103" s="75" t="s">
        <v>174</v>
      </c>
      <c r="D103" s="37"/>
      <c r="E103" s="119"/>
      <c r="F103" s="120"/>
    </row>
    <row r="104" spans="2:6" s="38" customFormat="1" ht="26.25" customHeight="1" x14ac:dyDescent="0.25">
      <c r="B104" s="74" t="s">
        <v>73</v>
      </c>
      <c r="C104" s="75" t="s">
        <v>175</v>
      </c>
      <c r="D104" s="37"/>
      <c r="E104" s="119"/>
      <c r="F104" s="120"/>
    </row>
    <row r="105" spans="2:6" s="38" customFormat="1" ht="39.75" customHeight="1" x14ac:dyDescent="0.25">
      <c r="B105" s="74" t="s">
        <v>74</v>
      </c>
      <c r="C105" s="75" t="s">
        <v>176</v>
      </c>
      <c r="D105" s="37"/>
      <c r="E105" s="119"/>
      <c r="F105" s="120"/>
    </row>
    <row r="106" spans="2:6" s="38" customFormat="1" ht="25.5" customHeight="1" x14ac:dyDescent="0.25">
      <c r="B106" s="74" t="s">
        <v>177</v>
      </c>
      <c r="C106" s="75" t="s">
        <v>178</v>
      </c>
      <c r="D106" s="37"/>
      <c r="E106" s="119"/>
      <c r="F106" s="120"/>
    </row>
    <row r="107" spans="2:6" s="38" customFormat="1" ht="30" customHeight="1" x14ac:dyDescent="0.25">
      <c r="B107" s="74" t="s">
        <v>179</v>
      </c>
      <c r="C107" s="75" t="s">
        <v>180</v>
      </c>
      <c r="D107" s="37"/>
      <c r="E107" s="119"/>
      <c r="F107" s="120"/>
    </row>
    <row r="108" spans="2:6" s="38" customFormat="1" ht="27.75" customHeight="1" x14ac:dyDescent="0.25">
      <c r="B108" s="74" t="s">
        <v>181</v>
      </c>
      <c r="C108" s="75" t="s">
        <v>182</v>
      </c>
      <c r="D108" s="37"/>
      <c r="E108" s="119"/>
      <c r="F108" s="120"/>
    </row>
    <row r="109" spans="2:6" s="38" customFormat="1" ht="30" customHeight="1" x14ac:dyDescent="0.25">
      <c r="B109" s="74" t="s">
        <v>183</v>
      </c>
      <c r="C109" s="75" t="s">
        <v>184</v>
      </c>
      <c r="D109" s="37"/>
      <c r="E109" s="119"/>
      <c r="F109" s="120"/>
    </row>
    <row r="110" spans="2:6" s="38" customFormat="1" ht="33" customHeight="1" x14ac:dyDescent="0.25">
      <c r="B110" s="74" t="s">
        <v>185</v>
      </c>
      <c r="C110" s="75" t="s">
        <v>186</v>
      </c>
      <c r="D110" s="37"/>
      <c r="E110" s="119"/>
      <c r="F110" s="120"/>
    </row>
    <row r="111" spans="2:6" s="38" customFormat="1" ht="32.25" customHeight="1" x14ac:dyDescent="0.25">
      <c r="B111" s="74" t="s">
        <v>187</v>
      </c>
      <c r="C111" s="75" t="s">
        <v>188</v>
      </c>
      <c r="D111" s="37"/>
      <c r="E111" s="119"/>
      <c r="F111" s="120"/>
    </row>
    <row r="112" spans="2:6" s="38" customFormat="1" ht="30" customHeight="1" x14ac:dyDescent="0.25">
      <c r="B112" s="74" t="s">
        <v>189</v>
      </c>
      <c r="C112" s="75" t="s">
        <v>190</v>
      </c>
      <c r="D112" s="37"/>
      <c r="E112" s="119"/>
      <c r="F112" s="120"/>
    </row>
    <row r="113" spans="2:6" s="38" customFormat="1" ht="30" customHeight="1" x14ac:dyDescent="0.25">
      <c r="B113" s="74" t="s">
        <v>191</v>
      </c>
      <c r="C113" s="75" t="s">
        <v>192</v>
      </c>
      <c r="D113" s="37"/>
      <c r="E113" s="119"/>
      <c r="F113" s="120"/>
    </row>
    <row r="114" spans="2:6" s="38" customFormat="1" ht="27.75" customHeight="1" x14ac:dyDescent="0.25">
      <c r="B114" s="74" t="s">
        <v>193</v>
      </c>
      <c r="C114" s="75" t="s">
        <v>194</v>
      </c>
      <c r="D114" s="37"/>
      <c r="E114" s="119"/>
      <c r="F114" s="120"/>
    </row>
    <row r="115" spans="2:6" s="38" customFormat="1" ht="27.75" customHeight="1" x14ac:dyDescent="0.25">
      <c r="B115" s="72" t="s">
        <v>50</v>
      </c>
      <c r="C115" s="75" t="s">
        <v>195</v>
      </c>
      <c r="D115" s="37"/>
      <c r="E115" s="119"/>
      <c r="F115" s="120"/>
    </row>
    <row r="116" spans="2:6" s="38" customFormat="1" ht="31.5" customHeight="1" x14ac:dyDescent="0.25">
      <c r="B116" s="74" t="s">
        <v>196</v>
      </c>
      <c r="C116" s="75" t="s">
        <v>197</v>
      </c>
      <c r="D116" s="37"/>
      <c r="E116" s="119"/>
      <c r="F116" s="120"/>
    </row>
    <row r="117" spans="2:6" s="38" customFormat="1" ht="31.5" customHeight="1" x14ac:dyDescent="0.25">
      <c r="B117" s="74" t="s">
        <v>198</v>
      </c>
      <c r="C117" s="75" t="s">
        <v>199</v>
      </c>
      <c r="D117" s="37"/>
      <c r="E117" s="119"/>
      <c r="F117" s="120"/>
    </row>
    <row r="118" spans="2:6" s="38" customFormat="1" ht="26.25" customHeight="1" x14ac:dyDescent="0.25">
      <c r="B118" s="74" t="s">
        <v>200</v>
      </c>
      <c r="C118" s="75" t="s">
        <v>201</v>
      </c>
      <c r="D118" s="37"/>
      <c r="E118" s="119"/>
      <c r="F118" s="120"/>
    </row>
    <row r="119" spans="2:6" s="38" customFormat="1" ht="27.75" customHeight="1" x14ac:dyDescent="0.25">
      <c r="B119" s="74" t="s">
        <v>202</v>
      </c>
      <c r="C119" s="75" t="s">
        <v>203</v>
      </c>
      <c r="D119" s="37"/>
      <c r="E119" s="119"/>
      <c r="F119" s="120"/>
    </row>
    <row r="120" spans="2:6" s="38" customFormat="1" ht="25.5" customHeight="1" x14ac:dyDescent="0.25">
      <c r="B120" s="74" t="s">
        <v>204</v>
      </c>
      <c r="C120" s="75" t="s">
        <v>205</v>
      </c>
      <c r="D120" s="37"/>
      <c r="E120" s="119"/>
      <c r="F120" s="120"/>
    </row>
    <row r="121" spans="2:6" s="38" customFormat="1" ht="30" customHeight="1" x14ac:dyDescent="0.25">
      <c r="B121" s="72" t="s">
        <v>80</v>
      </c>
      <c r="C121" s="75" t="s">
        <v>206</v>
      </c>
      <c r="D121" s="37"/>
      <c r="E121" s="119"/>
      <c r="F121" s="120"/>
    </row>
    <row r="122" spans="2:6" s="38" customFormat="1" ht="45.75" customHeight="1" x14ac:dyDescent="0.25">
      <c r="B122" s="74" t="s">
        <v>207</v>
      </c>
      <c r="C122" s="75" t="s">
        <v>208</v>
      </c>
      <c r="D122" s="37"/>
      <c r="E122" s="119"/>
      <c r="F122" s="120"/>
    </row>
    <row r="123" spans="2:6" s="38" customFormat="1" ht="33" customHeight="1" x14ac:dyDescent="0.25">
      <c r="B123" s="74" t="s">
        <v>209</v>
      </c>
      <c r="C123" s="75" t="s">
        <v>210</v>
      </c>
      <c r="D123" s="37"/>
      <c r="E123" s="119"/>
      <c r="F123" s="120"/>
    </row>
    <row r="124" spans="2:6" s="38" customFormat="1" ht="33" customHeight="1" x14ac:dyDescent="0.25">
      <c r="B124" s="74" t="s">
        <v>211</v>
      </c>
      <c r="C124" s="75" t="s">
        <v>212</v>
      </c>
      <c r="D124" s="37"/>
      <c r="E124" s="119"/>
      <c r="F124" s="120"/>
    </row>
    <row r="125" spans="2:6" s="38" customFormat="1" ht="27.75" customHeight="1" x14ac:dyDescent="0.25">
      <c r="B125" s="74" t="s">
        <v>213</v>
      </c>
      <c r="C125" s="75" t="s">
        <v>214</v>
      </c>
      <c r="D125" s="37"/>
      <c r="E125" s="119"/>
      <c r="F125" s="120"/>
    </row>
    <row r="126" spans="2:6" s="38" customFormat="1" ht="30" customHeight="1" x14ac:dyDescent="0.25">
      <c r="B126" s="72" t="s">
        <v>81</v>
      </c>
      <c r="C126" s="75" t="s">
        <v>215</v>
      </c>
      <c r="D126" s="37"/>
      <c r="E126" s="119"/>
      <c r="F126" s="120"/>
    </row>
    <row r="127" spans="2:6" s="38" customFormat="1" ht="30" customHeight="1" x14ac:dyDescent="0.25">
      <c r="B127" s="74" t="s">
        <v>216</v>
      </c>
      <c r="C127" s="75" t="s">
        <v>217</v>
      </c>
      <c r="D127" s="37"/>
      <c r="E127" s="119"/>
      <c r="F127" s="120"/>
    </row>
    <row r="128" spans="2:6" s="38" customFormat="1" ht="27.75" customHeight="1" x14ac:dyDescent="0.25">
      <c r="B128" s="74" t="s">
        <v>218</v>
      </c>
      <c r="C128" s="75" t="s">
        <v>219</v>
      </c>
      <c r="D128" s="37"/>
      <c r="E128" s="119"/>
      <c r="F128" s="120"/>
    </row>
    <row r="129" spans="2:6" s="38" customFormat="1" ht="30" customHeight="1" x14ac:dyDescent="0.25">
      <c r="B129" s="74" t="s">
        <v>220</v>
      </c>
      <c r="C129" s="75" t="s">
        <v>221</v>
      </c>
      <c r="D129" s="37"/>
      <c r="E129" s="119"/>
      <c r="F129" s="120"/>
    </row>
    <row r="130" spans="2:6" s="38" customFormat="1" ht="27.75" customHeight="1" x14ac:dyDescent="0.25">
      <c r="B130" s="74" t="s">
        <v>222</v>
      </c>
      <c r="C130" s="75" t="s">
        <v>223</v>
      </c>
      <c r="D130" s="37"/>
      <c r="E130" s="119"/>
      <c r="F130" s="120"/>
    </row>
    <row r="131" spans="2:6" s="38" customFormat="1" ht="31.5" customHeight="1" x14ac:dyDescent="0.25">
      <c r="B131" s="74" t="s">
        <v>224</v>
      </c>
      <c r="C131" s="75" t="s">
        <v>225</v>
      </c>
      <c r="D131" s="37"/>
      <c r="E131" s="119"/>
      <c r="F131" s="120"/>
    </row>
    <row r="132" spans="2:6" s="38" customFormat="1" ht="31.5" customHeight="1" x14ac:dyDescent="0.25">
      <c r="B132" s="74" t="s">
        <v>226</v>
      </c>
      <c r="C132" s="75" t="s">
        <v>227</v>
      </c>
      <c r="D132" s="37"/>
      <c r="E132" s="119"/>
      <c r="F132" s="120"/>
    </row>
    <row r="133" spans="2:6" s="38" customFormat="1" ht="26.25" customHeight="1" x14ac:dyDescent="0.25">
      <c r="B133" s="72" t="s">
        <v>82</v>
      </c>
      <c r="C133" s="75" t="s">
        <v>228</v>
      </c>
      <c r="D133" s="37"/>
      <c r="E133" s="119"/>
      <c r="F133" s="120"/>
    </row>
    <row r="134" spans="2:6" s="38" customFormat="1" ht="31.5" customHeight="1" x14ac:dyDescent="0.25">
      <c r="B134" s="74" t="s">
        <v>229</v>
      </c>
      <c r="C134" s="75" t="s">
        <v>230</v>
      </c>
      <c r="D134" s="37"/>
      <c r="E134" s="119"/>
      <c r="F134" s="120"/>
    </row>
    <row r="135" spans="2:6" s="38" customFormat="1" ht="34.5" customHeight="1" x14ac:dyDescent="0.25">
      <c r="B135" s="74" t="s">
        <v>231</v>
      </c>
      <c r="C135" s="75" t="s">
        <v>232</v>
      </c>
      <c r="D135" s="37"/>
      <c r="E135" s="119"/>
      <c r="F135" s="120"/>
    </row>
    <row r="136" spans="2:6" s="38" customFormat="1" ht="30" customHeight="1" x14ac:dyDescent="0.25">
      <c r="B136" s="72" t="s">
        <v>83</v>
      </c>
      <c r="C136" s="75" t="s">
        <v>233</v>
      </c>
      <c r="D136" s="37"/>
      <c r="E136" s="119"/>
      <c r="F136" s="120"/>
    </row>
    <row r="137" spans="2:6" s="38" customFormat="1" ht="27.75" customHeight="1" x14ac:dyDescent="0.25">
      <c r="B137" s="74" t="s">
        <v>234</v>
      </c>
      <c r="C137" s="75" t="s">
        <v>235</v>
      </c>
      <c r="D137" s="37"/>
      <c r="E137" s="119"/>
      <c r="F137" s="120"/>
    </row>
    <row r="138" spans="2:6" s="38" customFormat="1" ht="33" customHeight="1" x14ac:dyDescent="0.25">
      <c r="B138" s="72" t="s">
        <v>84</v>
      </c>
      <c r="C138" s="75" t="s">
        <v>236</v>
      </c>
      <c r="D138" s="37"/>
      <c r="E138" s="119"/>
      <c r="F138" s="120"/>
    </row>
    <row r="139" spans="2:6" s="38" customFormat="1" ht="33" customHeight="1" x14ac:dyDescent="0.25">
      <c r="B139" s="74" t="s">
        <v>237</v>
      </c>
      <c r="C139" s="75" t="s">
        <v>238</v>
      </c>
      <c r="D139" s="37"/>
      <c r="E139" s="119"/>
      <c r="F139" s="120"/>
    </row>
    <row r="140" spans="2:6" s="38" customFormat="1" ht="27.75" customHeight="1" x14ac:dyDescent="0.25">
      <c r="B140" s="72" t="s">
        <v>85</v>
      </c>
      <c r="C140" s="75" t="s">
        <v>239</v>
      </c>
      <c r="D140" s="37"/>
      <c r="E140" s="119"/>
      <c r="F140" s="120"/>
    </row>
    <row r="141" spans="2:6" s="38" customFormat="1" ht="30" customHeight="1" x14ac:dyDescent="0.25">
      <c r="B141" s="74" t="s">
        <v>240</v>
      </c>
      <c r="C141" s="75" t="s">
        <v>241</v>
      </c>
      <c r="D141" s="37"/>
      <c r="E141" s="119"/>
      <c r="F141" s="120"/>
    </row>
    <row r="142" spans="2:6" s="38" customFormat="1" ht="30" customHeight="1" x14ac:dyDescent="0.25">
      <c r="B142" s="72" t="s">
        <v>86</v>
      </c>
      <c r="C142" s="75" t="s">
        <v>242</v>
      </c>
      <c r="D142" s="37"/>
      <c r="E142" s="119"/>
      <c r="F142" s="120"/>
    </row>
    <row r="143" spans="2:6" s="38" customFormat="1" ht="27.75" customHeight="1" x14ac:dyDescent="0.25">
      <c r="B143" s="74" t="s">
        <v>243</v>
      </c>
      <c r="C143" s="75" t="s">
        <v>244</v>
      </c>
      <c r="D143" s="37"/>
      <c r="E143" s="119"/>
      <c r="F143" s="120"/>
    </row>
    <row r="144" spans="2:6" s="38" customFormat="1" ht="27.75" customHeight="1" x14ac:dyDescent="0.25">
      <c r="B144" s="72" t="s">
        <v>87</v>
      </c>
      <c r="C144" s="75" t="s">
        <v>245</v>
      </c>
      <c r="D144" s="37"/>
      <c r="E144" s="119"/>
      <c r="F144" s="120"/>
    </row>
    <row r="145" spans="2:6" s="38" customFormat="1" ht="31.5" customHeight="1" x14ac:dyDescent="0.25">
      <c r="B145" s="74" t="s">
        <v>246</v>
      </c>
      <c r="C145" s="75" t="s">
        <v>247</v>
      </c>
      <c r="D145" s="37"/>
      <c r="E145" s="119"/>
      <c r="F145" s="120"/>
    </row>
    <row r="146" spans="2:6" s="38" customFormat="1" ht="31.5" customHeight="1" x14ac:dyDescent="0.25">
      <c r="B146" s="72" t="s">
        <v>88</v>
      </c>
      <c r="C146" s="75" t="s">
        <v>248</v>
      </c>
      <c r="D146" s="37"/>
      <c r="E146" s="119"/>
      <c r="F146" s="120"/>
    </row>
    <row r="147" spans="2:6" s="38" customFormat="1" ht="26.25" customHeight="1" x14ac:dyDescent="0.25">
      <c r="B147" s="74" t="s">
        <v>249</v>
      </c>
      <c r="C147" s="75" t="s">
        <v>250</v>
      </c>
      <c r="D147" s="37"/>
      <c r="E147" s="119"/>
      <c r="F147" s="120"/>
    </row>
    <row r="148" spans="2:6" s="38" customFormat="1" ht="45.75" customHeight="1" x14ac:dyDescent="0.25">
      <c r="B148" s="74" t="s">
        <v>251</v>
      </c>
      <c r="C148" s="75" t="s">
        <v>252</v>
      </c>
      <c r="D148" s="37"/>
      <c r="E148" s="119"/>
      <c r="F148" s="120"/>
    </row>
    <row r="149" spans="2:6" s="38" customFormat="1" ht="25.5" customHeight="1" x14ac:dyDescent="0.25">
      <c r="B149" s="74" t="s">
        <v>253</v>
      </c>
      <c r="C149" s="75" t="s">
        <v>254</v>
      </c>
      <c r="D149" s="37"/>
      <c r="E149" s="119"/>
      <c r="F149" s="120"/>
    </row>
    <row r="150" spans="2:6" s="38" customFormat="1" ht="30" customHeight="1" x14ac:dyDescent="0.25">
      <c r="B150" s="74" t="s">
        <v>255</v>
      </c>
      <c r="C150" s="75" t="s">
        <v>256</v>
      </c>
      <c r="D150" s="37"/>
      <c r="E150" s="119"/>
      <c r="F150" s="120"/>
    </row>
    <row r="151" spans="2:6" s="38" customFormat="1" ht="27.75" customHeight="1" x14ac:dyDescent="0.25">
      <c r="B151" s="74" t="s">
        <v>257</v>
      </c>
      <c r="C151" s="75" t="s">
        <v>258</v>
      </c>
      <c r="D151" s="37"/>
      <c r="E151" s="119"/>
      <c r="F151" s="120"/>
    </row>
    <row r="152" spans="2:6" s="38" customFormat="1" ht="30" customHeight="1" x14ac:dyDescent="0.25">
      <c r="B152" s="74" t="s">
        <v>259</v>
      </c>
      <c r="C152" s="75" t="s">
        <v>260</v>
      </c>
      <c r="D152" s="37"/>
      <c r="E152" s="119"/>
      <c r="F152" s="120"/>
    </row>
    <row r="153" spans="2:6" s="38" customFormat="1" ht="33" customHeight="1" x14ac:dyDescent="0.25">
      <c r="B153" s="74" t="s">
        <v>261</v>
      </c>
      <c r="C153" s="75" t="s">
        <v>262</v>
      </c>
      <c r="D153" s="37"/>
      <c r="E153" s="119"/>
      <c r="F153" s="120"/>
    </row>
    <row r="154" spans="2:6" s="38" customFormat="1" ht="27.75" customHeight="1" x14ac:dyDescent="0.25">
      <c r="B154" s="74" t="s">
        <v>263</v>
      </c>
      <c r="C154" s="75" t="s">
        <v>264</v>
      </c>
      <c r="D154" s="37"/>
      <c r="E154" s="119"/>
      <c r="F154" s="120"/>
    </row>
    <row r="155" spans="2:6" s="38" customFormat="1" ht="30" customHeight="1" x14ac:dyDescent="0.25">
      <c r="B155" s="74" t="s">
        <v>265</v>
      </c>
      <c r="C155" s="75" t="s">
        <v>266</v>
      </c>
      <c r="D155" s="37"/>
      <c r="E155" s="119"/>
      <c r="F155" s="120"/>
    </row>
    <row r="156" spans="2:6" s="38" customFormat="1" ht="30" customHeight="1" x14ac:dyDescent="0.25">
      <c r="B156" s="74" t="s">
        <v>267</v>
      </c>
      <c r="C156" s="75" t="s">
        <v>268</v>
      </c>
      <c r="D156" s="37"/>
      <c r="E156" s="119"/>
      <c r="F156" s="120"/>
    </row>
    <row r="157" spans="2:6" s="38" customFormat="1" ht="27.75" customHeight="1" x14ac:dyDescent="0.25">
      <c r="B157" s="74" t="s">
        <v>269</v>
      </c>
      <c r="C157" s="75" t="s">
        <v>270</v>
      </c>
      <c r="D157" s="37"/>
      <c r="E157" s="119"/>
      <c r="F157" s="120"/>
    </row>
    <row r="158" spans="2:6" s="38" customFormat="1" ht="30" customHeight="1" x14ac:dyDescent="0.25">
      <c r="B158" s="74" t="s">
        <v>271</v>
      </c>
      <c r="C158" s="75" t="s">
        <v>272</v>
      </c>
      <c r="D158" s="37"/>
      <c r="E158" s="119"/>
      <c r="F158" s="120"/>
    </row>
    <row r="159" spans="2:6" s="38" customFormat="1" ht="27.75" customHeight="1" x14ac:dyDescent="0.25">
      <c r="B159" s="74" t="s">
        <v>273</v>
      </c>
      <c r="C159" s="75" t="s">
        <v>274</v>
      </c>
      <c r="D159" s="37"/>
      <c r="E159" s="119"/>
      <c r="F159" s="120"/>
    </row>
    <row r="160" spans="2:6" s="38" customFormat="1" ht="31.5" customHeight="1" x14ac:dyDescent="0.25">
      <c r="B160" s="74" t="s">
        <v>275</v>
      </c>
      <c r="C160" s="75" t="s">
        <v>276</v>
      </c>
      <c r="D160" s="37"/>
      <c r="E160" s="119"/>
      <c r="F160" s="120"/>
    </row>
    <row r="161" spans="2:6" s="38" customFormat="1" ht="31.5" customHeight="1" x14ac:dyDescent="0.25">
      <c r="B161" s="74" t="s">
        <v>277</v>
      </c>
      <c r="C161" s="75" t="s">
        <v>278</v>
      </c>
      <c r="D161" s="37"/>
      <c r="E161" s="119"/>
      <c r="F161" s="120"/>
    </row>
    <row r="162" spans="2:6" s="38" customFormat="1" ht="26.25" customHeight="1" x14ac:dyDescent="0.25">
      <c r="B162" s="74" t="s">
        <v>279</v>
      </c>
      <c r="C162" s="75" t="s">
        <v>280</v>
      </c>
      <c r="D162" s="37"/>
      <c r="E162" s="119"/>
      <c r="F162" s="120"/>
    </row>
    <row r="163" spans="2:6" s="38" customFormat="1" ht="32.25" customHeight="1" x14ac:dyDescent="0.25">
      <c r="B163" s="74" t="s">
        <v>281</v>
      </c>
      <c r="C163" s="75" t="s">
        <v>282</v>
      </c>
      <c r="D163" s="37"/>
      <c r="E163" s="119"/>
      <c r="F163" s="120"/>
    </row>
    <row r="164" spans="2:6" s="38" customFormat="1" ht="25.5" customHeight="1" x14ac:dyDescent="0.25">
      <c r="B164" s="74" t="s">
        <v>283</v>
      </c>
      <c r="C164" s="75" t="s">
        <v>284</v>
      </c>
      <c r="D164" s="37"/>
      <c r="E164" s="119"/>
      <c r="F164" s="120"/>
    </row>
    <row r="165" spans="2:6" s="38" customFormat="1" ht="30" customHeight="1" x14ac:dyDescent="0.25">
      <c r="B165" s="74" t="s">
        <v>285</v>
      </c>
      <c r="C165" s="75" t="s">
        <v>286</v>
      </c>
      <c r="D165" s="37"/>
      <c r="E165" s="119"/>
      <c r="F165" s="120"/>
    </row>
    <row r="166" spans="2:6" s="38" customFormat="1" ht="27.75" customHeight="1" x14ac:dyDescent="0.25">
      <c r="B166" s="74" t="s">
        <v>287</v>
      </c>
      <c r="C166" s="75" t="s">
        <v>288</v>
      </c>
      <c r="D166" s="37"/>
      <c r="E166" s="119"/>
      <c r="F166" s="120"/>
    </row>
    <row r="167" spans="2:6" s="38" customFormat="1" ht="27" customHeight="1" x14ac:dyDescent="0.25">
      <c r="B167" s="74" t="s">
        <v>289</v>
      </c>
      <c r="C167" s="75" t="s">
        <v>290</v>
      </c>
      <c r="D167" s="37"/>
      <c r="E167" s="119"/>
      <c r="F167" s="120"/>
    </row>
    <row r="168" spans="2:6" s="38" customFormat="1" ht="33" customHeight="1" x14ac:dyDescent="0.25">
      <c r="B168" s="72" t="s">
        <v>89</v>
      </c>
      <c r="C168" s="75" t="s">
        <v>291</v>
      </c>
      <c r="D168" s="37"/>
      <c r="E168" s="119"/>
      <c r="F168" s="120"/>
    </row>
    <row r="169" spans="2:6" s="38" customFormat="1" ht="32.25" customHeight="1" x14ac:dyDescent="0.25">
      <c r="B169" s="74" t="s">
        <v>292</v>
      </c>
      <c r="C169" s="75" t="s">
        <v>293</v>
      </c>
      <c r="D169" s="37"/>
      <c r="E169" s="119"/>
      <c r="F169" s="120"/>
    </row>
    <row r="170" spans="2:6" s="38" customFormat="1" ht="30" customHeight="1" x14ac:dyDescent="0.25">
      <c r="B170" s="74" t="s">
        <v>294</v>
      </c>
      <c r="C170" s="75" t="s">
        <v>295</v>
      </c>
      <c r="D170" s="37"/>
      <c r="E170" s="119"/>
      <c r="F170" s="120"/>
    </row>
    <row r="171" spans="2:6" s="38" customFormat="1" ht="34.5" customHeight="1" x14ac:dyDescent="0.25">
      <c r="B171" s="74" t="s">
        <v>296</v>
      </c>
      <c r="C171" s="75" t="s">
        <v>297</v>
      </c>
      <c r="D171" s="37"/>
      <c r="E171" s="119"/>
      <c r="F171" s="120"/>
    </row>
    <row r="172" spans="2:6" s="36" customFormat="1" ht="30.75" customHeight="1" x14ac:dyDescent="0.25">
      <c r="B172" s="117" t="s">
        <v>298</v>
      </c>
      <c r="C172" s="118"/>
      <c r="D172" s="37"/>
      <c r="E172" s="119"/>
      <c r="F172" s="120"/>
    </row>
    <row r="173" spans="2:6" s="38" customFormat="1" ht="34.5" customHeight="1" x14ac:dyDescent="0.25">
      <c r="B173" s="74" t="s">
        <v>63</v>
      </c>
      <c r="C173" s="76" t="s">
        <v>299</v>
      </c>
      <c r="D173" s="37"/>
      <c r="E173" s="119"/>
      <c r="F173" s="120"/>
    </row>
    <row r="174" spans="2:6" s="38" customFormat="1" ht="34.5" customHeight="1" x14ac:dyDescent="0.25">
      <c r="B174" s="74" t="s">
        <v>64</v>
      </c>
      <c r="C174" s="76" t="s">
        <v>300</v>
      </c>
      <c r="D174" s="37"/>
      <c r="E174" s="119"/>
      <c r="F174" s="120"/>
    </row>
    <row r="175" spans="2:6" s="38" customFormat="1" ht="34.5" customHeight="1" x14ac:dyDescent="0.25">
      <c r="B175" s="74" t="s">
        <v>65</v>
      </c>
      <c r="C175" s="76" t="s">
        <v>301</v>
      </c>
      <c r="D175" s="37"/>
      <c r="E175" s="119"/>
      <c r="F175" s="120"/>
    </row>
    <row r="176" spans="2:6" s="38" customFormat="1" ht="34.5" customHeight="1" x14ac:dyDescent="0.25">
      <c r="B176" s="74" t="s">
        <v>66</v>
      </c>
      <c r="C176" s="76" t="s">
        <v>302</v>
      </c>
      <c r="D176" s="37"/>
      <c r="E176" s="119"/>
      <c r="F176" s="120"/>
    </row>
    <row r="177" spans="2:6" s="38" customFormat="1" ht="26.25" customHeight="1" x14ac:dyDescent="0.25">
      <c r="B177" s="74" t="s">
        <v>67</v>
      </c>
      <c r="C177" s="76" t="s">
        <v>303</v>
      </c>
      <c r="D177" s="37"/>
      <c r="E177" s="119"/>
      <c r="F177" s="120"/>
    </row>
    <row r="178" spans="2:6" s="38" customFormat="1" ht="28.5" customHeight="1" x14ac:dyDescent="0.25">
      <c r="B178" s="74" t="s">
        <v>68</v>
      </c>
      <c r="C178" s="76" t="s">
        <v>304</v>
      </c>
      <c r="D178" s="37"/>
      <c r="E178" s="119"/>
      <c r="F178" s="120"/>
    </row>
    <row r="179" spans="2:6" s="38" customFormat="1" ht="25.5" customHeight="1" x14ac:dyDescent="0.25">
      <c r="B179" s="74" t="s">
        <v>115</v>
      </c>
      <c r="C179" s="76" t="s">
        <v>305</v>
      </c>
      <c r="D179" s="37"/>
      <c r="E179" s="119"/>
      <c r="F179" s="120"/>
    </row>
    <row r="180" spans="2:6" s="38" customFormat="1" ht="30" customHeight="1" x14ac:dyDescent="0.25">
      <c r="B180" s="74" t="s">
        <v>116</v>
      </c>
      <c r="C180" s="76" t="s">
        <v>306</v>
      </c>
      <c r="D180" s="37"/>
      <c r="E180" s="119"/>
      <c r="F180" s="120"/>
    </row>
    <row r="181" spans="2:6" s="38" customFormat="1" ht="27.75" customHeight="1" x14ac:dyDescent="0.25">
      <c r="B181" s="74" t="s">
        <v>117</v>
      </c>
      <c r="C181" s="76" t="s">
        <v>307</v>
      </c>
      <c r="D181" s="37"/>
      <c r="E181" s="119"/>
      <c r="F181" s="120"/>
    </row>
    <row r="182" spans="2:6" s="38" customFormat="1" ht="25.5" customHeight="1" x14ac:dyDescent="0.25">
      <c r="B182" s="74" t="s">
        <v>118</v>
      </c>
      <c r="C182" s="76" t="s">
        <v>308</v>
      </c>
      <c r="D182" s="37"/>
      <c r="E182" s="119"/>
      <c r="F182" s="120"/>
    </row>
    <row r="183" spans="2:6" s="38" customFormat="1" ht="33" customHeight="1" x14ac:dyDescent="0.25">
      <c r="B183" s="74" t="s">
        <v>119</v>
      </c>
      <c r="C183" s="76" t="s">
        <v>309</v>
      </c>
      <c r="D183" s="37"/>
      <c r="E183" s="119"/>
      <c r="F183" s="120"/>
    </row>
    <row r="184" spans="2:6" s="38" customFormat="1" ht="27.75" customHeight="1" x14ac:dyDescent="0.25">
      <c r="B184" s="74" t="s">
        <v>120</v>
      </c>
      <c r="C184" s="76" t="s">
        <v>310</v>
      </c>
      <c r="D184" s="37"/>
      <c r="E184" s="119"/>
      <c r="F184" s="120"/>
    </row>
    <row r="185" spans="2:6" s="38" customFormat="1" ht="30" customHeight="1" x14ac:dyDescent="0.25">
      <c r="B185" s="74" t="s">
        <v>121</v>
      </c>
      <c r="C185" s="76" t="s">
        <v>311</v>
      </c>
      <c r="D185" s="37"/>
      <c r="E185" s="119"/>
      <c r="F185" s="120"/>
    </row>
    <row r="186" spans="2:6" s="38" customFormat="1" ht="30" customHeight="1" x14ac:dyDescent="0.25">
      <c r="B186" s="74" t="s">
        <v>122</v>
      </c>
      <c r="C186" s="76" t="s">
        <v>312</v>
      </c>
      <c r="D186" s="37"/>
      <c r="E186" s="119"/>
      <c r="F186" s="120"/>
    </row>
    <row r="187" spans="2:6" s="38" customFormat="1" ht="27.75" customHeight="1" x14ac:dyDescent="0.25">
      <c r="B187" s="74" t="s">
        <v>123</v>
      </c>
      <c r="C187" s="76" t="s">
        <v>313</v>
      </c>
      <c r="D187" s="37"/>
      <c r="E187" s="119"/>
      <c r="F187" s="120"/>
    </row>
    <row r="188" spans="2:6" s="38" customFormat="1" ht="30" customHeight="1" x14ac:dyDescent="0.25">
      <c r="B188" s="74" t="s">
        <v>124</v>
      </c>
      <c r="C188" s="76" t="s">
        <v>314</v>
      </c>
      <c r="D188" s="37"/>
      <c r="E188" s="119"/>
      <c r="F188" s="120"/>
    </row>
    <row r="189" spans="2:6" s="38" customFormat="1" ht="53.25" customHeight="1" x14ac:dyDescent="0.25">
      <c r="B189" s="74" t="s">
        <v>125</v>
      </c>
      <c r="C189" s="76" t="s">
        <v>167</v>
      </c>
      <c r="D189" s="37"/>
      <c r="E189" s="119"/>
      <c r="F189" s="120"/>
    </row>
    <row r="190" spans="2:6" s="38" customFormat="1" ht="45" customHeight="1" x14ac:dyDescent="0.25">
      <c r="B190" s="74" t="s">
        <v>126</v>
      </c>
      <c r="C190" s="76" t="s">
        <v>315</v>
      </c>
      <c r="D190" s="37"/>
      <c r="E190" s="119"/>
      <c r="F190" s="120"/>
    </row>
    <row r="191" spans="2:6" s="38" customFormat="1" ht="42.75" customHeight="1" x14ac:dyDescent="0.25">
      <c r="B191" s="74" t="s">
        <v>127</v>
      </c>
      <c r="C191" s="76" t="s">
        <v>316</v>
      </c>
      <c r="D191" s="37"/>
      <c r="E191" s="119"/>
      <c r="F191" s="120"/>
    </row>
    <row r="192" spans="2:6" s="38" customFormat="1" ht="27.75" customHeight="1" x14ac:dyDescent="0.25">
      <c r="B192" s="74" t="s">
        <v>128</v>
      </c>
      <c r="C192" s="76" t="s">
        <v>317</v>
      </c>
      <c r="D192" s="37"/>
      <c r="E192" s="119"/>
      <c r="F192" s="120"/>
    </row>
    <row r="193" spans="2:6" s="38" customFormat="1" ht="31.5" customHeight="1" x14ac:dyDescent="0.25">
      <c r="B193" s="74" t="s">
        <v>129</v>
      </c>
      <c r="C193" s="76" t="s">
        <v>318</v>
      </c>
      <c r="D193" s="37"/>
      <c r="E193" s="119"/>
      <c r="F193" s="120"/>
    </row>
    <row r="194" spans="2:6" s="38" customFormat="1" ht="31.5" customHeight="1" x14ac:dyDescent="0.25">
      <c r="B194" s="74" t="s">
        <v>130</v>
      </c>
      <c r="C194" s="76" t="s">
        <v>319</v>
      </c>
      <c r="D194" s="37"/>
      <c r="E194" s="119"/>
      <c r="F194" s="120"/>
    </row>
    <row r="195" spans="2:6" s="38" customFormat="1" ht="26.25" customHeight="1" x14ac:dyDescent="0.25">
      <c r="B195" s="74" t="s">
        <v>131</v>
      </c>
      <c r="C195" s="76" t="s">
        <v>320</v>
      </c>
      <c r="D195" s="37"/>
      <c r="E195" s="119"/>
      <c r="F195" s="120"/>
    </row>
    <row r="196" spans="2:6" s="38" customFormat="1" ht="45.75" customHeight="1" x14ac:dyDescent="0.25">
      <c r="B196" s="74" t="s">
        <v>321</v>
      </c>
      <c r="C196" s="76" t="s">
        <v>322</v>
      </c>
      <c r="D196" s="37"/>
      <c r="E196" s="119"/>
      <c r="F196" s="120"/>
    </row>
    <row r="197" spans="2:6" s="38" customFormat="1" ht="30" customHeight="1" x14ac:dyDescent="0.25">
      <c r="B197" s="74" t="s">
        <v>323</v>
      </c>
      <c r="C197" s="76" t="s">
        <v>324</v>
      </c>
      <c r="D197" s="37"/>
      <c r="E197" s="119"/>
      <c r="F197" s="120"/>
    </row>
    <row r="198" spans="2:6" s="38" customFormat="1" ht="30" customHeight="1" x14ac:dyDescent="0.25">
      <c r="B198" s="74" t="s">
        <v>325</v>
      </c>
      <c r="C198" s="76" t="s">
        <v>326</v>
      </c>
      <c r="D198" s="37"/>
      <c r="E198" s="119"/>
      <c r="F198" s="120"/>
    </row>
    <row r="199" spans="2:6" s="38" customFormat="1" ht="30" customHeight="1" x14ac:dyDescent="0.25">
      <c r="B199" s="74" t="s">
        <v>327</v>
      </c>
      <c r="C199" s="76" t="s">
        <v>328</v>
      </c>
      <c r="D199" s="37"/>
      <c r="E199" s="119"/>
      <c r="F199" s="120"/>
    </row>
    <row r="200" spans="2:6" s="36" customFormat="1" ht="30.75" customHeight="1" x14ac:dyDescent="0.25">
      <c r="B200" s="121" t="s">
        <v>329</v>
      </c>
      <c r="C200" s="122"/>
      <c r="D200" s="122"/>
      <c r="E200" s="122"/>
      <c r="F200" s="123"/>
    </row>
    <row r="201" spans="2:6" s="36" customFormat="1" ht="30.75" customHeight="1" x14ac:dyDescent="0.25">
      <c r="B201" s="117" t="s">
        <v>330</v>
      </c>
      <c r="C201" s="118"/>
      <c r="D201" s="37"/>
      <c r="E201" s="119"/>
      <c r="F201" s="120"/>
    </row>
    <row r="202" spans="2:6" s="36" customFormat="1" ht="30.75" customHeight="1" x14ac:dyDescent="0.25">
      <c r="B202" s="117" t="s">
        <v>331</v>
      </c>
      <c r="C202" s="118"/>
      <c r="D202" s="37"/>
      <c r="E202" s="119"/>
      <c r="F202" s="120"/>
    </row>
    <row r="203" spans="2:6" s="36" customFormat="1" ht="30.75" customHeight="1" x14ac:dyDescent="0.25">
      <c r="B203" s="117" t="s">
        <v>332</v>
      </c>
      <c r="C203" s="118"/>
      <c r="D203" s="37"/>
      <c r="E203" s="119"/>
      <c r="F203" s="120"/>
    </row>
    <row r="204" spans="2:6" s="36" customFormat="1" ht="30.75" customHeight="1" x14ac:dyDescent="0.25">
      <c r="B204" s="117" t="s">
        <v>333</v>
      </c>
      <c r="C204" s="118"/>
      <c r="D204" s="37"/>
      <c r="E204" s="119"/>
      <c r="F204" s="120"/>
    </row>
    <row r="205" spans="2:6" s="36" customFormat="1" ht="30.75" customHeight="1" x14ac:dyDescent="0.25">
      <c r="B205" s="117" t="s">
        <v>334</v>
      </c>
      <c r="C205" s="118"/>
      <c r="D205" s="37"/>
      <c r="E205" s="119"/>
      <c r="F205" s="120"/>
    </row>
    <row r="206" spans="2:6" s="36" customFormat="1" ht="30.75" customHeight="1" x14ac:dyDescent="0.25">
      <c r="B206" s="117" t="s">
        <v>335</v>
      </c>
      <c r="C206" s="118"/>
      <c r="D206" s="37"/>
      <c r="E206" s="119"/>
      <c r="F206" s="120"/>
    </row>
    <row r="207" spans="2:6" s="36" customFormat="1" ht="30.75" customHeight="1" x14ac:dyDescent="0.25">
      <c r="B207" s="117" t="s">
        <v>336</v>
      </c>
      <c r="C207" s="118"/>
      <c r="D207" s="37"/>
      <c r="E207" s="119"/>
      <c r="F207" s="120"/>
    </row>
    <row r="208" spans="2:6" s="36" customFormat="1" ht="30.75" customHeight="1" x14ac:dyDescent="0.25">
      <c r="B208" s="117" t="s">
        <v>337</v>
      </c>
      <c r="C208" s="118"/>
      <c r="D208" s="37"/>
      <c r="E208" s="119"/>
      <c r="F208" s="120"/>
    </row>
    <row r="209" spans="2:6" s="36" customFormat="1" ht="30.75" customHeight="1" x14ac:dyDescent="0.25">
      <c r="B209" s="117" t="s">
        <v>338</v>
      </c>
      <c r="C209" s="118"/>
      <c r="D209" s="37"/>
      <c r="E209" s="119"/>
      <c r="F209" s="120"/>
    </row>
    <row r="210" spans="2:6" s="36" customFormat="1" ht="30.75" customHeight="1" x14ac:dyDescent="0.25">
      <c r="B210" s="117" t="s">
        <v>339</v>
      </c>
      <c r="C210" s="118"/>
      <c r="D210" s="37"/>
      <c r="E210" s="119"/>
      <c r="F210" s="120"/>
    </row>
    <row r="211" spans="2:6" s="36" customFormat="1" ht="30.75" customHeight="1" x14ac:dyDescent="0.25">
      <c r="B211" s="117" t="s">
        <v>340</v>
      </c>
      <c r="C211" s="118"/>
      <c r="D211" s="37"/>
      <c r="E211" s="119"/>
      <c r="F211" s="120"/>
    </row>
    <row r="212" spans="2:6" s="36" customFormat="1" ht="30.75" customHeight="1" x14ac:dyDescent="0.25">
      <c r="B212" s="121" t="s">
        <v>341</v>
      </c>
      <c r="C212" s="122"/>
      <c r="D212" s="122"/>
      <c r="E212" s="122"/>
      <c r="F212" s="123"/>
    </row>
    <row r="213" spans="2:6" s="38" customFormat="1" ht="42" customHeight="1" x14ac:dyDescent="0.25">
      <c r="B213" s="74" t="s">
        <v>63</v>
      </c>
      <c r="C213" s="75" t="s">
        <v>342</v>
      </c>
      <c r="D213" s="37"/>
      <c r="E213" s="119"/>
      <c r="F213" s="120"/>
    </row>
    <row r="214" spans="2:6" s="38" customFormat="1" ht="33" customHeight="1" x14ac:dyDescent="0.25">
      <c r="B214" s="74" t="s">
        <v>64</v>
      </c>
      <c r="C214" s="75" t="s">
        <v>343</v>
      </c>
      <c r="D214" s="37"/>
      <c r="E214" s="119"/>
      <c r="F214" s="120"/>
    </row>
    <row r="215" spans="2:6" s="38" customFormat="1" ht="27.75" customHeight="1" x14ac:dyDescent="0.25">
      <c r="B215" s="74" t="s">
        <v>65</v>
      </c>
      <c r="C215" s="75" t="s">
        <v>344</v>
      </c>
      <c r="D215" s="37"/>
      <c r="E215" s="119"/>
      <c r="F215" s="120"/>
    </row>
    <row r="216" spans="2:6" s="38" customFormat="1" ht="30" customHeight="1" x14ac:dyDescent="0.25">
      <c r="B216" s="74" t="s">
        <v>66</v>
      </c>
      <c r="C216" s="75" t="s">
        <v>345</v>
      </c>
      <c r="D216" s="37"/>
      <c r="E216" s="119"/>
      <c r="F216" s="120"/>
    </row>
    <row r="217" spans="2:6" s="38" customFormat="1" ht="30" customHeight="1" x14ac:dyDescent="0.25">
      <c r="B217" s="74" t="s">
        <v>67</v>
      </c>
      <c r="C217" s="75" t="s">
        <v>346</v>
      </c>
      <c r="D217" s="37"/>
      <c r="E217" s="119"/>
      <c r="F217" s="120"/>
    </row>
    <row r="218" spans="2:6" s="38" customFormat="1" ht="27.75" customHeight="1" x14ac:dyDescent="0.25">
      <c r="B218" s="74" t="s">
        <v>68</v>
      </c>
      <c r="C218" s="75" t="s">
        <v>347</v>
      </c>
      <c r="D218" s="37"/>
      <c r="E218" s="119"/>
      <c r="F218" s="120"/>
    </row>
    <row r="219" spans="2:6" s="38" customFormat="1" ht="48.75" customHeight="1" x14ac:dyDescent="0.25">
      <c r="B219" s="74" t="s">
        <v>115</v>
      </c>
      <c r="C219" s="75" t="s">
        <v>348</v>
      </c>
      <c r="D219" s="37"/>
      <c r="E219" s="119"/>
      <c r="F219" s="120"/>
    </row>
    <row r="220" spans="2:6" s="38" customFormat="1" ht="31.5" customHeight="1" x14ac:dyDescent="0.25">
      <c r="B220" s="74" t="s">
        <v>116</v>
      </c>
      <c r="C220" s="75" t="s">
        <v>349</v>
      </c>
      <c r="D220" s="37"/>
      <c r="E220" s="119"/>
      <c r="F220" s="120"/>
    </row>
    <row r="221" spans="2:6" s="38" customFormat="1" ht="31.5" customHeight="1" x14ac:dyDescent="0.25">
      <c r="B221" s="74" t="s">
        <v>117</v>
      </c>
      <c r="C221" s="75" t="s">
        <v>350</v>
      </c>
      <c r="D221" s="37"/>
      <c r="E221" s="119"/>
      <c r="F221" s="120"/>
    </row>
    <row r="222" spans="2:6" s="38" customFormat="1" ht="26.25" customHeight="1" x14ac:dyDescent="0.25">
      <c r="B222" s="74" t="s">
        <v>118</v>
      </c>
      <c r="C222" s="75" t="s">
        <v>351</v>
      </c>
      <c r="D222" s="37"/>
      <c r="E222" s="119"/>
      <c r="F222" s="120"/>
    </row>
    <row r="223" spans="2:6" s="38" customFormat="1" ht="32.25" customHeight="1" x14ac:dyDescent="0.25">
      <c r="B223" s="74" t="s">
        <v>119</v>
      </c>
      <c r="C223" s="75" t="s">
        <v>352</v>
      </c>
      <c r="D223" s="37"/>
      <c r="E223" s="119"/>
      <c r="F223" s="120"/>
    </row>
    <row r="224" spans="2:6" s="38" customFormat="1" ht="25.5" customHeight="1" x14ac:dyDescent="0.25">
      <c r="B224" s="74" t="s">
        <v>120</v>
      </c>
      <c r="C224" s="75" t="s">
        <v>353</v>
      </c>
      <c r="D224" s="37"/>
      <c r="E224" s="119"/>
      <c r="F224" s="120"/>
    </row>
    <row r="225" spans="2:6" s="38" customFormat="1" ht="33" customHeight="1" x14ac:dyDescent="0.25">
      <c r="B225" s="74" t="s">
        <v>121</v>
      </c>
      <c r="C225" s="75" t="s">
        <v>354</v>
      </c>
      <c r="D225" s="37"/>
      <c r="E225" s="119"/>
      <c r="F225" s="120"/>
    </row>
    <row r="226" spans="2:6" s="38" customFormat="1" ht="33" customHeight="1" x14ac:dyDescent="0.25">
      <c r="B226" s="74" t="s">
        <v>122</v>
      </c>
      <c r="C226" s="75" t="s">
        <v>355</v>
      </c>
      <c r="D226" s="37"/>
      <c r="E226" s="119"/>
      <c r="F226" s="120"/>
    </row>
    <row r="227" spans="2:6" s="38" customFormat="1" ht="41.25" customHeight="1" x14ac:dyDescent="0.25">
      <c r="B227" s="74" t="s">
        <v>123</v>
      </c>
      <c r="C227" s="75" t="s">
        <v>356</v>
      </c>
      <c r="D227" s="37"/>
      <c r="E227" s="119"/>
      <c r="F227" s="120"/>
    </row>
    <row r="228" spans="2:6" s="38" customFormat="1" ht="33" customHeight="1" x14ac:dyDescent="0.25">
      <c r="B228" s="74" t="s">
        <v>124</v>
      </c>
      <c r="C228" s="75" t="s">
        <v>357</v>
      </c>
      <c r="D228" s="37"/>
      <c r="E228" s="119"/>
      <c r="F228" s="120"/>
    </row>
    <row r="229" spans="2:6" s="38" customFormat="1" ht="42" customHeight="1" x14ac:dyDescent="0.25">
      <c r="B229" s="74" t="s">
        <v>125</v>
      </c>
      <c r="C229" s="75" t="s">
        <v>358</v>
      </c>
      <c r="D229" s="37"/>
      <c r="E229" s="119"/>
      <c r="F229" s="120"/>
    </row>
    <row r="230" spans="2:6" s="38" customFormat="1" ht="51.75" customHeight="1" x14ac:dyDescent="0.25">
      <c r="B230" s="74" t="s">
        <v>126</v>
      </c>
      <c r="C230" s="75" t="s">
        <v>359</v>
      </c>
      <c r="D230" s="37"/>
      <c r="E230" s="119"/>
      <c r="F230" s="120"/>
    </row>
    <row r="231" spans="2:6" s="38" customFormat="1" ht="42.75" customHeight="1" x14ac:dyDescent="0.25">
      <c r="B231" s="74" t="s">
        <v>127</v>
      </c>
      <c r="C231" s="75" t="s">
        <v>360</v>
      </c>
      <c r="D231" s="37"/>
      <c r="E231" s="119"/>
      <c r="F231" s="120"/>
    </row>
    <row r="232" spans="2:6" s="38" customFormat="1" ht="42.75" customHeight="1" x14ac:dyDescent="0.25">
      <c r="B232" s="74" t="s">
        <v>128</v>
      </c>
      <c r="C232" s="75" t="s">
        <v>361</v>
      </c>
      <c r="D232" s="37"/>
      <c r="E232" s="119"/>
      <c r="F232" s="120"/>
    </row>
    <row r="233" spans="2:6" s="38" customFormat="1" ht="42.75" customHeight="1" x14ac:dyDescent="0.25">
      <c r="B233" s="74" t="s">
        <v>129</v>
      </c>
      <c r="C233" s="75" t="s">
        <v>362</v>
      </c>
      <c r="D233" s="37"/>
      <c r="E233" s="119"/>
      <c r="F233" s="120"/>
    </row>
    <row r="234" spans="2:6" s="38" customFormat="1" ht="42.75" customHeight="1" x14ac:dyDescent="0.25">
      <c r="B234" s="74" t="s">
        <v>130</v>
      </c>
      <c r="C234" s="75" t="s">
        <v>363</v>
      </c>
      <c r="D234" s="37"/>
      <c r="E234" s="119"/>
      <c r="F234" s="120"/>
    </row>
    <row r="235" spans="2:6" s="38" customFormat="1" ht="51.75" customHeight="1" x14ac:dyDescent="0.25">
      <c r="B235" s="74" t="s">
        <v>131</v>
      </c>
      <c r="C235" s="75" t="s">
        <v>364</v>
      </c>
      <c r="D235" s="37"/>
      <c r="E235" s="119"/>
      <c r="F235" s="120"/>
    </row>
    <row r="236" spans="2:6" s="38" customFormat="1" ht="51.75" customHeight="1" x14ac:dyDescent="0.25">
      <c r="B236" s="74" t="s">
        <v>321</v>
      </c>
      <c r="C236" s="75" t="s">
        <v>365</v>
      </c>
      <c r="D236" s="37"/>
      <c r="E236" s="119"/>
      <c r="F236" s="120"/>
    </row>
    <row r="237" spans="2:6" s="38" customFormat="1" ht="51.75" customHeight="1" x14ac:dyDescent="0.25">
      <c r="B237" s="74" t="s">
        <v>323</v>
      </c>
      <c r="C237" s="75" t="s">
        <v>366</v>
      </c>
      <c r="D237" s="37"/>
      <c r="E237" s="119"/>
      <c r="F237" s="120"/>
    </row>
    <row r="238" spans="2:6" s="38" customFormat="1" ht="45.75" customHeight="1" thickBot="1" x14ac:dyDescent="0.3">
      <c r="B238" s="77" t="s">
        <v>325</v>
      </c>
      <c r="C238" s="78" t="s">
        <v>367</v>
      </c>
      <c r="D238" s="60"/>
      <c r="E238" s="124"/>
      <c r="F238" s="125"/>
    </row>
    <row r="239" spans="2:6" s="25" customFormat="1" ht="17.25" customHeight="1" x14ac:dyDescent="0.25">
      <c r="B239" s="39"/>
      <c r="C239" s="40"/>
      <c r="D239" s="41"/>
      <c r="E239" s="41"/>
      <c r="F239" s="42"/>
    </row>
    <row r="240" spans="2:6" s="16" customFormat="1" ht="20.100000000000001" customHeight="1" x14ac:dyDescent="0.25">
      <c r="B240" s="130" t="s">
        <v>40</v>
      </c>
      <c r="C240" s="130"/>
      <c r="D240" s="130"/>
      <c r="E240" s="130"/>
      <c r="F240" s="130"/>
    </row>
    <row r="241" spans="2:6" s="16" customFormat="1" ht="5.0999999999999996" customHeight="1" thickBot="1" x14ac:dyDescent="0.3">
      <c r="B241" s="27"/>
      <c r="D241" s="33"/>
      <c r="E241" s="33"/>
      <c r="F241" s="33"/>
    </row>
    <row r="242" spans="2:6" s="25" customFormat="1" ht="69" customHeight="1" x14ac:dyDescent="0.25">
      <c r="B242" s="155" t="s">
        <v>7</v>
      </c>
      <c r="C242" s="156"/>
      <c r="D242" s="159" t="s">
        <v>53</v>
      </c>
      <c r="E242" s="160"/>
      <c r="F242" s="161"/>
    </row>
    <row r="243" spans="2:6" s="25" customFormat="1" ht="30" customHeight="1" thickBot="1" x14ac:dyDescent="0.3">
      <c r="B243" s="181"/>
      <c r="C243" s="182"/>
      <c r="D243" s="35" t="s">
        <v>6</v>
      </c>
      <c r="E243" s="183" t="s">
        <v>26</v>
      </c>
      <c r="F243" s="184"/>
    </row>
    <row r="244" spans="2:6" s="16" customFormat="1" ht="27.75" customHeight="1" x14ac:dyDescent="0.25">
      <c r="B244" s="79" t="s">
        <v>14</v>
      </c>
      <c r="C244" s="80" t="s">
        <v>369</v>
      </c>
      <c r="D244" s="43"/>
      <c r="E244" s="185"/>
      <c r="F244" s="186"/>
    </row>
    <row r="245" spans="2:6" s="16" customFormat="1" ht="32.25" customHeight="1" x14ac:dyDescent="0.25">
      <c r="B245" s="81" t="s">
        <v>48</v>
      </c>
      <c r="C245" s="82" t="s">
        <v>370</v>
      </c>
      <c r="D245" s="57" t="s">
        <v>371</v>
      </c>
      <c r="E245" s="126"/>
      <c r="F245" s="127"/>
    </row>
    <row r="246" spans="2:6" s="16" customFormat="1" ht="57.75" customHeight="1" x14ac:dyDescent="0.25">
      <c r="B246" s="83" t="s">
        <v>69</v>
      </c>
      <c r="C246" s="84" t="s">
        <v>372</v>
      </c>
      <c r="D246" s="57"/>
      <c r="E246" s="126"/>
      <c r="F246" s="127"/>
    </row>
    <row r="247" spans="2:6" s="16" customFormat="1" ht="42" customHeight="1" x14ac:dyDescent="0.25">
      <c r="B247" s="85" t="s">
        <v>70</v>
      </c>
      <c r="C247" s="86" t="s">
        <v>373</v>
      </c>
      <c r="D247" s="57"/>
      <c r="E247" s="126"/>
      <c r="F247" s="127"/>
    </row>
    <row r="248" spans="2:6" s="16" customFormat="1" ht="32.25" customHeight="1" x14ac:dyDescent="0.25">
      <c r="B248" s="85" t="s">
        <v>71</v>
      </c>
      <c r="C248" s="84" t="s">
        <v>374</v>
      </c>
      <c r="D248" s="57"/>
      <c r="E248" s="126"/>
      <c r="F248" s="127"/>
    </row>
    <row r="249" spans="2:6" s="16" customFormat="1" ht="63.75" customHeight="1" x14ac:dyDescent="0.25">
      <c r="B249" s="87" t="s">
        <v>375</v>
      </c>
      <c r="C249" s="84" t="s">
        <v>376</v>
      </c>
      <c r="D249" s="57"/>
      <c r="E249" s="126"/>
      <c r="F249" s="127"/>
    </row>
    <row r="250" spans="2:6" s="16" customFormat="1" ht="42" customHeight="1" x14ac:dyDescent="0.25">
      <c r="B250" s="87" t="s">
        <v>377</v>
      </c>
      <c r="C250" s="84" t="s">
        <v>378</v>
      </c>
      <c r="D250" s="57"/>
      <c r="E250" s="126"/>
      <c r="F250" s="127"/>
    </row>
    <row r="251" spans="2:6" s="16" customFormat="1" ht="128.25" customHeight="1" x14ac:dyDescent="0.25">
      <c r="B251" s="88" t="s">
        <v>379</v>
      </c>
      <c r="C251" s="89" t="s">
        <v>380</v>
      </c>
      <c r="D251" s="57"/>
      <c r="E251" s="126"/>
      <c r="F251" s="127"/>
    </row>
    <row r="252" spans="2:6" s="16" customFormat="1" ht="42" customHeight="1" x14ac:dyDescent="0.25">
      <c r="B252" s="90" t="s">
        <v>49</v>
      </c>
      <c r="C252" s="91" t="s">
        <v>381</v>
      </c>
      <c r="D252" s="57"/>
      <c r="E252" s="126"/>
      <c r="F252" s="127"/>
    </row>
    <row r="253" spans="2:6" s="16" customFormat="1" ht="110.25" customHeight="1" x14ac:dyDescent="0.25">
      <c r="B253" s="90" t="s">
        <v>50</v>
      </c>
      <c r="C253" s="91" t="s">
        <v>382</v>
      </c>
      <c r="D253" s="57"/>
      <c r="E253" s="126"/>
      <c r="F253" s="127"/>
    </row>
    <row r="254" spans="2:6" s="16" customFormat="1" ht="76.5" customHeight="1" x14ac:dyDescent="0.25">
      <c r="B254" s="90" t="s">
        <v>80</v>
      </c>
      <c r="C254" s="91" t="s">
        <v>383</v>
      </c>
      <c r="D254" s="57"/>
      <c r="E254" s="126"/>
      <c r="F254" s="127"/>
    </row>
    <row r="255" spans="2:6" s="16" customFormat="1" ht="87.75" customHeight="1" x14ac:dyDescent="0.25">
      <c r="B255" s="90" t="s">
        <v>81</v>
      </c>
      <c r="C255" s="91" t="s">
        <v>384</v>
      </c>
      <c r="D255" s="57"/>
      <c r="E255" s="126"/>
      <c r="F255" s="127"/>
    </row>
    <row r="256" spans="2:6" s="16" customFormat="1" ht="60.75" customHeight="1" x14ac:dyDescent="0.25">
      <c r="B256" s="90" t="s">
        <v>82</v>
      </c>
      <c r="C256" s="91" t="s">
        <v>439</v>
      </c>
      <c r="D256" s="57"/>
      <c r="E256" s="126"/>
      <c r="F256" s="127"/>
    </row>
    <row r="257" spans="2:6" s="16" customFormat="1" ht="42" customHeight="1" x14ac:dyDescent="0.25">
      <c r="B257" s="90" t="s">
        <v>83</v>
      </c>
      <c r="C257" s="92" t="s">
        <v>385</v>
      </c>
      <c r="D257" s="57"/>
      <c r="E257" s="126"/>
      <c r="F257" s="127"/>
    </row>
    <row r="258" spans="2:6" s="16" customFormat="1" ht="85.5" customHeight="1" thickBot="1" x14ac:dyDescent="0.3">
      <c r="B258" s="90" t="s">
        <v>84</v>
      </c>
      <c r="C258" s="93" t="s">
        <v>386</v>
      </c>
      <c r="D258" s="44"/>
      <c r="E258" s="126"/>
      <c r="F258" s="127"/>
    </row>
    <row r="259" spans="2:6" s="16" customFormat="1" ht="132.75" customHeight="1" x14ac:dyDescent="0.25">
      <c r="B259" s="94" t="s">
        <v>85</v>
      </c>
      <c r="C259" s="93" t="s">
        <v>387</v>
      </c>
      <c r="D259" s="95"/>
      <c r="E259" s="126"/>
      <c r="F259" s="127"/>
    </row>
    <row r="260" spans="2:6" s="16" customFormat="1" ht="106.5" customHeight="1" x14ac:dyDescent="0.25">
      <c r="B260" s="94" t="s">
        <v>86</v>
      </c>
      <c r="C260" s="96" t="s">
        <v>388</v>
      </c>
      <c r="D260" s="57"/>
      <c r="E260" s="126"/>
      <c r="F260" s="127"/>
    </row>
    <row r="261" spans="2:6" s="16" customFormat="1" ht="257.25" customHeight="1" x14ac:dyDescent="0.25">
      <c r="B261" s="94" t="s">
        <v>87</v>
      </c>
      <c r="C261" s="93" t="s">
        <v>389</v>
      </c>
      <c r="D261" s="57"/>
      <c r="E261" s="126"/>
      <c r="F261" s="127"/>
    </row>
    <row r="262" spans="2:6" s="16" customFormat="1" ht="119.25" customHeight="1" x14ac:dyDescent="0.25">
      <c r="B262" s="94" t="s">
        <v>88</v>
      </c>
      <c r="C262" s="91" t="s">
        <v>390</v>
      </c>
      <c r="D262" s="57"/>
      <c r="E262" s="126"/>
      <c r="F262" s="127"/>
    </row>
    <row r="263" spans="2:6" s="16" customFormat="1" ht="107.25" customHeight="1" x14ac:dyDescent="0.25">
      <c r="B263" s="94" t="s">
        <v>89</v>
      </c>
      <c r="C263" s="97" t="s">
        <v>391</v>
      </c>
      <c r="D263" s="57"/>
      <c r="E263" s="126"/>
      <c r="F263" s="127"/>
    </row>
    <row r="264" spans="2:6" s="16" customFormat="1" ht="42" customHeight="1" x14ac:dyDescent="0.25">
      <c r="B264" s="85" t="s">
        <v>292</v>
      </c>
      <c r="C264" s="84" t="s">
        <v>392</v>
      </c>
      <c r="D264" s="57"/>
      <c r="E264" s="126"/>
      <c r="F264" s="127"/>
    </row>
    <row r="265" spans="2:6" s="16" customFormat="1" ht="42" customHeight="1" x14ac:dyDescent="0.25">
      <c r="B265" s="85" t="s">
        <v>294</v>
      </c>
      <c r="C265" s="84" t="s">
        <v>393</v>
      </c>
      <c r="D265" s="57"/>
      <c r="E265" s="126"/>
      <c r="F265" s="127"/>
    </row>
    <row r="266" spans="2:6" s="16" customFormat="1" ht="73.5" customHeight="1" x14ac:dyDescent="0.25">
      <c r="B266" s="85" t="s">
        <v>296</v>
      </c>
      <c r="C266" s="84" t="s">
        <v>394</v>
      </c>
      <c r="D266" s="57"/>
      <c r="E266" s="126"/>
      <c r="F266" s="127"/>
    </row>
    <row r="267" spans="2:6" s="16" customFormat="1" ht="42" customHeight="1" x14ac:dyDescent="0.25">
      <c r="B267" s="85" t="s">
        <v>395</v>
      </c>
      <c r="C267" s="84" t="s">
        <v>396</v>
      </c>
      <c r="D267" s="57"/>
      <c r="E267" s="126"/>
      <c r="F267" s="127"/>
    </row>
    <row r="268" spans="2:6" s="16" customFormat="1" ht="42" customHeight="1" x14ac:dyDescent="0.25">
      <c r="B268" s="85" t="s">
        <v>397</v>
      </c>
      <c r="C268" s="84" t="s">
        <v>398</v>
      </c>
      <c r="D268" s="57"/>
      <c r="E268" s="126"/>
      <c r="F268" s="127"/>
    </row>
    <row r="269" spans="2:6" s="16" customFormat="1" ht="69" customHeight="1" x14ac:dyDescent="0.25">
      <c r="B269" s="98" t="s">
        <v>399</v>
      </c>
      <c r="C269" s="84" t="s">
        <v>400</v>
      </c>
      <c r="D269" s="57"/>
      <c r="E269" s="126"/>
      <c r="F269" s="127"/>
    </row>
    <row r="270" spans="2:6" s="16" customFormat="1" ht="42" customHeight="1" x14ac:dyDescent="0.25">
      <c r="B270" s="88" t="s">
        <v>401</v>
      </c>
      <c r="C270" s="84" t="s">
        <v>402</v>
      </c>
      <c r="D270" s="57"/>
      <c r="E270" s="126"/>
      <c r="F270" s="127"/>
    </row>
    <row r="271" spans="2:6" s="16" customFormat="1" ht="42" customHeight="1" x14ac:dyDescent="0.25">
      <c r="B271" s="88" t="s">
        <v>403</v>
      </c>
      <c r="C271" s="84" t="s">
        <v>404</v>
      </c>
      <c r="D271" s="57"/>
      <c r="E271" s="126"/>
      <c r="F271" s="127"/>
    </row>
    <row r="272" spans="2:6" s="16" customFormat="1" ht="42" customHeight="1" x14ac:dyDescent="0.25">
      <c r="B272" s="88" t="s">
        <v>405</v>
      </c>
      <c r="C272" s="84" t="s">
        <v>406</v>
      </c>
      <c r="D272" s="57"/>
      <c r="E272" s="126"/>
      <c r="F272" s="127"/>
    </row>
    <row r="273" spans="2:6" s="16" customFormat="1" ht="79.5" customHeight="1" x14ac:dyDescent="0.25">
      <c r="B273" s="99" t="s">
        <v>407</v>
      </c>
      <c r="C273" s="91" t="s">
        <v>408</v>
      </c>
      <c r="D273" s="37"/>
      <c r="E273" s="126"/>
      <c r="F273" s="127"/>
    </row>
    <row r="274" spans="2:6" s="16" customFormat="1" ht="42" customHeight="1" x14ac:dyDescent="0.25">
      <c r="B274" s="100" t="s">
        <v>409</v>
      </c>
      <c r="C274" s="97" t="s">
        <v>410</v>
      </c>
      <c r="D274" s="37"/>
      <c r="E274" s="126"/>
      <c r="F274" s="127"/>
    </row>
    <row r="275" spans="2:6" s="16" customFormat="1" ht="42" customHeight="1" x14ac:dyDescent="0.25">
      <c r="B275" s="101" t="s">
        <v>411</v>
      </c>
      <c r="C275" s="84" t="s">
        <v>412</v>
      </c>
      <c r="D275" s="37"/>
      <c r="E275" s="126"/>
      <c r="F275" s="127"/>
    </row>
    <row r="276" spans="2:6" s="16" customFormat="1" ht="42" customHeight="1" x14ac:dyDescent="0.25">
      <c r="B276" s="102" t="s">
        <v>413</v>
      </c>
      <c r="C276" s="103" t="s">
        <v>414</v>
      </c>
      <c r="D276" s="37"/>
      <c r="E276" s="126"/>
      <c r="F276" s="127"/>
    </row>
    <row r="277" spans="2:6" s="16" customFormat="1" ht="75" customHeight="1" x14ac:dyDescent="0.25">
      <c r="B277" s="100" t="s">
        <v>415</v>
      </c>
      <c r="C277" s="97" t="s">
        <v>416</v>
      </c>
      <c r="D277" s="37"/>
      <c r="E277" s="126"/>
      <c r="F277" s="127"/>
    </row>
    <row r="278" spans="2:6" s="16" customFormat="1" ht="60.75" customHeight="1" x14ac:dyDescent="0.25">
      <c r="B278" s="104" t="s">
        <v>417</v>
      </c>
      <c r="C278" s="105" t="s">
        <v>418</v>
      </c>
      <c r="D278" s="37"/>
      <c r="E278" s="126"/>
      <c r="F278" s="127"/>
    </row>
    <row r="279" spans="2:6" s="16" customFormat="1" ht="42" customHeight="1" x14ac:dyDescent="0.25">
      <c r="B279" s="102" t="s">
        <v>419</v>
      </c>
      <c r="C279" s="106" t="s">
        <v>420</v>
      </c>
      <c r="D279" s="37"/>
      <c r="E279" s="126"/>
      <c r="F279" s="127"/>
    </row>
    <row r="280" spans="2:6" s="16" customFormat="1" ht="147" customHeight="1" x14ac:dyDescent="0.25">
      <c r="B280" s="107" t="s">
        <v>421</v>
      </c>
      <c r="C280" s="91" t="s">
        <v>422</v>
      </c>
      <c r="D280" s="37"/>
      <c r="E280" s="126"/>
      <c r="F280" s="127"/>
    </row>
    <row r="281" spans="2:6" s="16" customFormat="1" ht="60" customHeight="1" x14ac:dyDescent="0.25">
      <c r="B281" s="99" t="s">
        <v>423</v>
      </c>
      <c r="C281" s="91" t="s">
        <v>424</v>
      </c>
      <c r="D281" s="37"/>
      <c r="E281" s="126"/>
      <c r="F281" s="127"/>
    </row>
    <row r="282" spans="2:6" s="16" customFormat="1" ht="68.25" customHeight="1" x14ac:dyDescent="0.25">
      <c r="B282" s="90" t="s">
        <v>425</v>
      </c>
      <c r="C282" s="91" t="s">
        <v>426</v>
      </c>
      <c r="D282" s="37"/>
      <c r="E282" s="126"/>
      <c r="F282" s="127"/>
    </row>
    <row r="283" spans="2:6" s="16" customFormat="1" ht="84.75" customHeight="1" x14ac:dyDescent="0.25">
      <c r="B283" s="90" t="s">
        <v>427</v>
      </c>
      <c r="C283" s="108" t="s">
        <v>428</v>
      </c>
      <c r="D283" s="37"/>
      <c r="E283" s="126"/>
      <c r="F283" s="127"/>
    </row>
    <row r="284" spans="2:6" s="16" customFormat="1" ht="192.75" customHeight="1" x14ac:dyDescent="0.25">
      <c r="B284" s="90" t="s">
        <v>430</v>
      </c>
      <c r="C284" s="109" t="s">
        <v>429</v>
      </c>
      <c r="D284" s="62"/>
      <c r="E284" s="63"/>
      <c r="F284" s="64"/>
    </row>
    <row r="285" spans="2:6" s="16" customFormat="1" ht="96" customHeight="1" x14ac:dyDescent="0.25">
      <c r="B285" s="110" t="s">
        <v>431</v>
      </c>
      <c r="C285" s="108" t="s">
        <v>435</v>
      </c>
      <c r="D285" s="62"/>
      <c r="E285" s="63"/>
      <c r="F285" s="64"/>
    </row>
    <row r="286" spans="2:6" s="16" customFormat="1" ht="119.25" customHeight="1" x14ac:dyDescent="0.25">
      <c r="B286" s="90" t="s">
        <v>432</v>
      </c>
      <c r="C286" s="108" t="s">
        <v>436</v>
      </c>
      <c r="D286" s="62"/>
      <c r="E286" s="63"/>
      <c r="F286" s="64"/>
    </row>
    <row r="287" spans="2:6" s="16" customFormat="1" ht="42" customHeight="1" x14ac:dyDescent="0.2">
      <c r="B287" s="90" t="s">
        <v>433</v>
      </c>
      <c r="C287" s="12" t="s">
        <v>437</v>
      </c>
      <c r="D287" s="62"/>
      <c r="E287" s="63"/>
      <c r="F287" s="64"/>
    </row>
    <row r="288" spans="2:6" s="16" customFormat="1" ht="42" customHeight="1" thickBot="1" x14ac:dyDescent="0.3">
      <c r="B288" s="90" t="s">
        <v>434</v>
      </c>
      <c r="C288" s="108" t="s">
        <v>438</v>
      </c>
      <c r="D288" s="60"/>
      <c r="E288" s="187"/>
      <c r="F288" s="188"/>
    </row>
    <row r="289" spans="2:7" s="25" customFormat="1" ht="21" customHeight="1" x14ac:dyDescent="0.25">
      <c r="B289" s="40"/>
      <c r="C289" s="40"/>
      <c r="D289" s="41"/>
      <c r="E289" s="41"/>
      <c r="F289" s="42"/>
      <c r="G289" s="16"/>
    </row>
    <row r="290" spans="2:7" s="16" customFormat="1" ht="20.100000000000001" customHeight="1" x14ac:dyDescent="0.25">
      <c r="B290" s="130" t="s">
        <v>45</v>
      </c>
      <c r="C290" s="130"/>
      <c r="D290" s="130"/>
      <c r="E290" s="130"/>
      <c r="F290" s="130"/>
    </row>
    <row r="291" spans="2:7" s="16" customFormat="1" ht="4.5" customHeight="1" thickBot="1" x14ac:dyDescent="0.3"/>
    <row r="292" spans="2:7" s="16" customFormat="1" ht="80.25" customHeight="1" x14ac:dyDescent="0.25">
      <c r="B292" s="131" t="s">
        <v>90</v>
      </c>
      <c r="C292" s="132"/>
      <c r="D292" s="135" t="s">
        <v>46</v>
      </c>
      <c r="E292" s="136"/>
      <c r="F292" s="137"/>
    </row>
    <row r="293" spans="2:7" s="25" customFormat="1" ht="29.25" customHeight="1" thickBot="1" x14ac:dyDescent="0.3">
      <c r="B293" s="133"/>
      <c r="C293" s="134"/>
      <c r="D293" s="58" t="s">
        <v>6</v>
      </c>
      <c r="E293" s="138" t="s">
        <v>26</v>
      </c>
      <c r="F293" s="139"/>
      <c r="G293" s="16"/>
    </row>
    <row r="294" spans="2:7" s="25" customFormat="1" ht="133.5" customHeight="1" x14ac:dyDescent="0.25">
      <c r="B294" s="111" t="s">
        <v>14</v>
      </c>
      <c r="C294" s="112" t="s">
        <v>61</v>
      </c>
      <c r="D294" s="43"/>
      <c r="E294" s="151"/>
      <c r="F294" s="152"/>
      <c r="G294" s="16"/>
    </row>
    <row r="295" spans="2:7" s="25" customFormat="1" ht="45" customHeight="1" x14ac:dyDescent="0.25">
      <c r="B295" s="113" t="s">
        <v>48</v>
      </c>
      <c r="C295" s="114" t="s">
        <v>75</v>
      </c>
      <c r="D295" s="57"/>
      <c r="E295" s="147"/>
      <c r="F295" s="148"/>
      <c r="G295" s="16"/>
    </row>
    <row r="296" spans="2:7" s="25" customFormat="1" ht="29.25" customHeight="1" x14ac:dyDescent="0.25">
      <c r="B296" s="113" t="s">
        <v>49</v>
      </c>
      <c r="C296" s="114" t="s">
        <v>47</v>
      </c>
      <c r="D296" s="57"/>
      <c r="E296" s="147"/>
      <c r="F296" s="148"/>
      <c r="G296" s="16"/>
    </row>
    <row r="297" spans="2:7" s="25" customFormat="1" ht="45.75" customHeight="1" thickBot="1" x14ac:dyDescent="0.3">
      <c r="B297" s="115" t="s">
        <v>50</v>
      </c>
      <c r="C297" s="116" t="s">
        <v>76</v>
      </c>
      <c r="D297" s="44"/>
      <c r="E297" s="149"/>
      <c r="F297" s="150"/>
      <c r="G297" s="16"/>
    </row>
    <row r="298" spans="2:7" s="16" customFormat="1" ht="16.5" customHeight="1" x14ac:dyDescent="0.25">
      <c r="B298" s="40"/>
      <c r="C298" s="40"/>
      <c r="D298" s="41"/>
      <c r="E298" s="41"/>
      <c r="F298" s="42"/>
    </row>
    <row r="299" spans="2:7" s="16" customFormat="1" ht="20.100000000000001" customHeight="1" x14ac:dyDescent="0.25">
      <c r="B299" s="130" t="s">
        <v>13</v>
      </c>
      <c r="C299" s="130"/>
      <c r="D299" s="130"/>
      <c r="E299" s="130"/>
      <c r="F299" s="130"/>
    </row>
    <row r="300" spans="2:7" s="25" customFormat="1" ht="24.75" customHeight="1" x14ac:dyDescent="0.25">
      <c r="B300" s="40" t="s">
        <v>15</v>
      </c>
      <c r="C300" s="144" t="s">
        <v>56</v>
      </c>
      <c r="D300" s="144"/>
      <c r="E300" s="144"/>
      <c r="F300" s="144"/>
      <c r="G300" s="16"/>
    </row>
    <row r="301" spans="2:7" s="25" customFormat="1" ht="23.25" customHeight="1" x14ac:dyDescent="0.25">
      <c r="B301" s="40" t="s">
        <v>59</v>
      </c>
      <c r="C301" s="144" t="s">
        <v>60</v>
      </c>
      <c r="D301" s="144"/>
      <c r="E301" s="144"/>
      <c r="F301" s="144"/>
      <c r="G301" s="16"/>
    </row>
    <row r="302" spans="2:7" s="45" customFormat="1" ht="30" customHeight="1" x14ac:dyDescent="0.25">
      <c r="B302" s="145" t="s">
        <v>27</v>
      </c>
      <c r="C302" s="145"/>
      <c r="D302" s="145"/>
      <c r="E302" s="145"/>
      <c r="F302" s="25"/>
      <c r="G302" s="16"/>
    </row>
    <row r="303" spans="2:7" s="16" customFormat="1" ht="24.95" customHeight="1" x14ac:dyDescent="0.25">
      <c r="B303" s="46" t="s">
        <v>28</v>
      </c>
      <c r="C303" s="142"/>
      <c r="D303" s="142"/>
      <c r="F303" s="45"/>
    </row>
    <row r="304" spans="2:7" s="16" customFormat="1" ht="24.95" customHeight="1" x14ac:dyDescent="0.25">
      <c r="B304" s="46" t="s">
        <v>29</v>
      </c>
      <c r="C304" s="142"/>
      <c r="D304" s="142"/>
      <c r="F304" s="45"/>
    </row>
    <row r="305" spans="1:15" s="16" customFormat="1" ht="24.95" customHeight="1" x14ac:dyDescent="0.25">
      <c r="B305" s="46" t="s">
        <v>30</v>
      </c>
      <c r="C305" s="142"/>
      <c r="D305" s="142"/>
      <c r="F305" s="45"/>
    </row>
    <row r="306" spans="1:15" s="25" customFormat="1" ht="24.95" customHeight="1" x14ac:dyDescent="0.25">
      <c r="B306" s="46" t="s">
        <v>31</v>
      </c>
      <c r="C306" s="142"/>
      <c r="D306" s="142"/>
      <c r="E306" s="16"/>
      <c r="F306" s="47"/>
      <c r="G306" s="16"/>
    </row>
    <row r="307" spans="1:15" s="16" customFormat="1" ht="14.25" customHeight="1" x14ac:dyDescent="0.2">
      <c r="B307" s="48"/>
      <c r="C307" s="1"/>
      <c r="D307" s="1"/>
      <c r="F307" s="49"/>
    </row>
    <row r="308" spans="1:15" s="25" customFormat="1" ht="15" customHeight="1" x14ac:dyDescent="0.25">
      <c r="B308" s="146" t="s">
        <v>32</v>
      </c>
      <c r="C308" s="146"/>
      <c r="D308" s="146"/>
      <c r="E308" s="146"/>
      <c r="F308" s="146"/>
    </row>
    <row r="309" spans="1:15" s="16" customFormat="1" ht="36.75" customHeight="1" x14ac:dyDescent="0.25">
      <c r="B309" s="143" t="s">
        <v>58</v>
      </c>
      <c r="C309" s="143"/>
      <c r="D309" s="143"/>
      <c r="E309" s="143"/>
      <c r="F309" s="143"/>
    </row>
    <row r="310" spans="1:15" s="16" customFormat="1" ht="20.100000000000001" customHeight="1" x14ac:dyDescent="0.2">
      <c r="B310" s="11"/>
      <c r="C310" s="11"/>
      <c r="D310" s="26"/>
      <c r="E310" s="26"/>
    </row>
    <row r="311" spans="1:15" s="25" customFormat="1" ht="4.5" customHeight="1" x14ac:dyDescent="0.2">
      <c r="B311" s="11"/>
      <c r="C311" s="11"/>
      <c r="D311" s="26"/>
      <c r="E311" s="26"/>
      <c r="F311" s="16"/>
    </row>
    <row r="312" spans="1:15" s="25" customFormat="1" ht="20.100000000000001" customHeight="1" x14ac:dyDescent="0.25">
      <c r="B312" s="50" t="s">
        <v>33</v>
      </c>
      <c r="C312" s="51"/>
      <c r="D312" s="52" t="s">
        <v>34</v>
      </c>
      <c r="E312" s="140"/>
      <c r="F312" s="140"/>
    </row>
    <row r="313" spans="1:15" s="25" customFormat="1" ht="20.100000000000001" customHeight="1" x14ac:dyDescent="0.25">
      <c r="B313" s="53"/>
      <c r="C313" s="53"/>
      <c r="D313" s="53"/>
      <c r="E313" s="54"/>
      <c r="F313" s="54"/>
    </row>
    <row r="314" spans="1:15" ht="20.100000000000001" customHeight="1" x14ac:dyDescent="0.2">
      <c r="B314" s="50" t="s">
        <v>35</v>
      </c>
      <c r="C314" s="51"/>
      <c r="D314" s="55" t="s">
        <v>36</v>
      </c>
      <c r="E314" s="141"/>
      <c r="F314" s="141"/>
    </row>
    <row r="315" spans="1:15" s="16" customFormat="1" ht="20.100000000000001" customHeight="1" x14ac:dyDescent="0.2">
      <c r="B315" s="11"/>
      <c r="C315" s="11"/>
      <c r="D315" s="55" t="s">
        <v>37</v>
      </c>
      <c r="E315" s="142"/>
      <c r="F315" s="142"/>
    </row>
    <row r="316" spans="1:15" s="16" customFormat="1" ht="20.100000000000001" customHeight="1" x14ac:dyDescent="0.2">
      <c r="B316" s="11"/>
      <c r="C316" s="11"/>
      <c r="D316" s="56" t="s">
        <v>38</v>
      </c>
      <c r="E316" s="11"/>
    </row>
    <row r="317" spans="1:15" s="1" customFormat="1" ht="12" x14ac:dyDescent="0.2">
      <c r="A317" s="129" t="s">
        <v>54</v>
      </c>
      <c r="B317" s="129"/>
      <c r="D317" s="65"/>
      <c r="E317" s="65"/>
      <c r="F317" s="2"/>
      <c r="G317" s="2"/>
      <c r="H317" s="2"/>
      <c r="I317" s="2"/>
      <c r="J317" s="2"/>
      <c r="K317" s="2"/>
      <c r="L317" s="2"/>
      <c r="M317" s="3"/>
      <c r="O317" s="3"/>
    </row>
    <row r="318" spans="1:15" s="10" customFormat="1" ht="15" x14ac:dyDescent="0.25">
      <c r="A318" s="4"/>
      <c r="B318" s="5" t="s">
        <v>55</v>
      </c>
      <c r="C318" s="6"/>
      <c r="D318" s="7"/>
      <c r="E318" s="7"/>
      <c r="F318" s="8"/>
      <c r="G318" s="8"/>
      <c r="H318" s="8"/>
      <c r="I318" s="8"/>
      <c r="J318" s="8"/>
      <c r="K318" s="8"/>
      <c r="L318" s="8"/>
      <c r="M318" s="9"/>
      <c r="O318" s="9"/>
    </row>
    <row r="319" spans="1:15" s="16" customFormat="1" ht="24" customHeight="1" x14ac:dyDescent="0.25"/>
    <row r="320" spans="1:15" s="16" customFormat="1" ht="24" customHeight="1" x14ac:dyDescent="0.25"/>
    <row r="321" spans="2:5" s="16" customFormat="1" ht="24" customHeight="1" x14ac:dyDescent="0.25"/>
    <row r="322" spans="2:5" s="16" customFormat="1" ht="20.100000000000001" customHeight="1" x14ac:dyDescent="0.25"/>
    <row r="323" spans="2:5" s="16" customFormat="1" ht="20.100000000000001" customHeight="1" x14ac:dyDescent="0.25"/>
    <row r="324" spans="2:5" s="16" customFormat="1" ht="50.1" customHeight="1" x14ac:dyDescent="0.25"/>
    <row r="325" spans="2:5" s="16" customFormat="1" ht="43.5" customHeight="1" x14ac:dyDescent="0.25"/>
    <row r="326" spans="2:5" ht="24.75" customHeight="1" x14ac:dyDescent="0.2">
      <c r="B326" s="16"/>
      <c r="C326" s="16"/>
      <c r="D326" s="16"/>
      <c r="E326" s="16"/>
    </row>
    <row r="327" spans="2:5" x14ac:dyDescent="0.2">
      <c r="B327" s="16"/>
      <c r="C327" s="16"/>
      <c r="D327" s="16"/>
      <c r="E327" s="16"/>
    </row>
    <row r="328" spans="2:5" ht="20.100000000000001" customHeight="1" x14ac:dyDescent="0.2"/>
    <row r="329" spans="2:5" ht="4.5" customHeight="1" x14ac:dyDescent="0.2"/>
    <row r="330" spans="2:5" ht="20.100000000000001" customHeight="1" x14ac:dyDescent="0.2"/>
    <row r="331" spans="2:5" ht="20.100000000000001" customHeight="1" x14ac:dyDescent="0.2"/>
    <row r="332" spans="2:5" ht="20.100000000000001" customHeight="1" x14ac:dyDescent="0.2"/>
  </sheetData>
  <sheetProtection formatCells="0" formatColumns="0" formatRows="0" insertColumns="0" insertRows="0" insertHyperlinks="0" deleteColumns="0" deleteRows="0" selectLockedCells="1" sort="0" autoFilter="0" pivotTables="0"/>
  <mergeCells count="313">
    <mergeCell ref="B172:C172"/>
    <mergeCell ref="E172:F172"/>
    <mergeCell ref="B201:C201"/>
    <mergeCell ref="E201:F201"/>
    <mergeCell ref="B202:C202"/>
    <mergeCell ref="E202:F202"/>
    <mergeCell ref="B203:C203"/>
    <mergeCell ref="E203:F203"/>
    <mergeCell ref="B204:C204"/>
    <mergeCell ref="E204:F204"/>
    <mergeCell ref="E184:F184"/>
    <mergeCell ref="E185:F185"/>
    <mergeCell ref="E186:F186"/>
    <mergeCell ref="E187:F187"/>
    <mergeCell ref="E188:F188"/>
    <mergeCell ref="E189:F189"/>
    <mergeCell ref="E190:F190"/>
    <mergeCell ref="E182:F182"/>
    <mergeCell ref="E183:F183"/>
    <mergeCell ref="B86:C86"/>
    <mergeCell ref="B87:C87"/>
    <mergeCell ref="B88:C88"/>
    <mergeCell ref="B89:C89"/>
    <mergeCell ref="B90:C90"/>
    <mergeCell ref="B91:C91"/>
    <mergeCell ref="B92:C92"/>
    <mergeCell ref="B93:C93"/>
    <mergeCell ref="E86:F86"/>
    <mergeCell ref="E87:F87"/>
    <mergeCell ref="E88:F88"/>
    <mergeCell ref="E89:F89"/>
    <mergeCell ref="E90:F90"/>
    <mergeCell ref="E91:F91"/>
    <mergeCell ref="E92:F92"/>
    <mergeCell ref="E93:F93"/>
    <mergeCell ref="E281:F281"/>
    <mergeCell ref="E282:F282"/>
    <mergeCell ref="E283:F283"/>
    <mergeCell ref="E288:F288"/>
    <mergeCell ref="E279:F279"/>
    <mergeCell ref="E277:F277"/>
    <mergeCell ref="E278:F278"/>
    <mergeCell ref="E274:F274"/>
    <mergeCell ref="E275:F275"/>
    <mergeCell ref="E256:F256"/>
    <mergeCell ref="E257:F257"/>
    <mergeCell ref="E258:F258"/>
    <mergeCell ref="E250:F250"/>
    <mergeCell ref="E251:F251"/>
    <mergeCell ref="E252:F252"/>
    <mergeCell ref="E253:F253"/>
    <mergeCell ref="E254:F254"/>
    <mergeCell ref="E255:F255"/>
    <mergeCell ref="E245:F245"/>
    <mergeCell ref="E246:F246"/>
    <mergeCell ref="E247:F247"/>
    <mergeCell ref="E248:F248"/>
    <mergeCell ref="E249:F249"/>
    <mergeCell ref="B240:F240"/>
    <mergeCell ref="B242:C243"/>
    <mergeCell ref="D242:F242"/>
    <mergeCell ref="E243:F243"/>
    <mergeCell ref="E244:F244"/>
    <mergeCell ref="E158:F158"/>
    <mergeCell ref="E174:F174"/>
    <mergeCell ref="E175:F175"/>
    <mergeCell ref="E176:F176"/>
    <mergeCell ref="E177:F177"/>
    <mergeCell ref="E178:F178"/>
    <mergeCell ref="E179:F179"/>
    <mergeCell ref="E180:F180"/>
    <mergeCell ref="E181:F181"/>
    <mergeCell ref="E161:F161"/>
    <mergeCell ref="E162:F162"/>
    <mergeCell ref="E163:F163"/>
    <mergeCell ref="E164:F164"/>
    <mergeCell ref="E165:F165"/>
    <mergeCell ref="E166:F166"/>
    <mergeCell ref="E167:F167"/>
    <mergeCell ref="E168:F168"/>
    <mergeCell ref="E169:F169"/>
    <mergeCell ref="E170:F170"/>
    <mergeCell ref="E171:F171"/>
    <mergeCell ref="E173:F173"/>
    <mergeCell ref="B2:F2"/>
    <mergeCell ref="B1:F1"/>
    <mergeCell ref="B25:C25"/>
    <mergeCell ref="B28:C28"/>
    <mergeCell ref="B18:D18"/>
    <mergeCell ref="B19:D19"/>
    <mergeCell ref="B20:F20"/>
    <mergeCell ref="B3:F3"/>
    <mergeCell ref="B7:F7"/>
    <mergeCell ref="B8:F8"/>
    <mergeCell ref="B9:F9"/>
    <mergeCell ref="B11:F11"/>
    <mergeCell ref="B14:C14"/>
    <mergeCell ref="B15:D15"/>
    <mergeCell ref="B21:F21"/>
    <mergeCell ref="B22:D22"/>
    <mergeCell ref="B12:C12"/>
    <mergeCell ref="B13:C13"/>
    <mergeCell ref="B23:F23"/>
    <mergeCell ref="B24:F24"/>
    <mergeCell ref="C29:D29"/>
    <mergeCell ref="B56:F56"/>
    <mergeCell ref="B58:C59"/>
    <mergeCell ref="D58:F58"/>
    <mergeCell ref="E59:F59"/>
    <mergeCell ref="B52:C52"/>
    <mergeCell ref="B60:F60"/>
    <mergeCell ref="C49:D49"/>
    <mergeCell ref="C50:D50"/>
    <mergeCell ref="C38:D38"/>
    <mergeCell ref="C46:D46"/>
    <mergeCell ref="C47:D47"/>
    <mergeCell ref="C48:D48"/>
    <mergeCell ref="C30:D30"/>
    <mergeCell ref="C31:D31"/>
    <mergeCell ref="C32:D32"/>
    <mergeCell ref="C33:D33"/>
    <mergeCell ref="C34:D34"/>
    <mergeCell ref="C35:D35"/>
    <mergeCell ref="C36:D36"/>
    <mergeCell ref="C37:D37"/>
    <mergeCell ref="A317:B317"/>
    <mergeCell ref="B290:F290"/>
    <mergeCell ref="B292:C293"/>
    <mergeCell ref="D292:F292"/>
    <mergeCell ref="E293:F293"/>
    <mergeCell ref="E312:F312"/>
    <mergeCell ref="E314:F314"/>
    <mergeCell ref="E315:F315"/>
    <mergeCell ref="B309:F309"/>
    <mergeCell ref="B299:F299"/>
    <mergeCell ref="C300:F300"/>
    <mergeCell ref="B302:E302"/>
    <mergeCell ref="B308:F308"/>
    <mergeCell ref="C303:D303"/>
    <mergeCell ref="C304:D304"/>
    <mergeCell ref="C305:D305"/>
    <mergeCell ref="C301:F301"/>
    <mergeCell ref="C306:D306"/>
    <mergeCell ref="E296:F296"/>
    <mergeCell ref="E297:F297"/>
    <mergeCell ref="E295:F295"/>
    <mergeCell ref="E294:F294"/>
    <mergeCell ref="E259:F259"/>
    <mergeCell ref="E260:F260"/>
    <mergeCell ref="E261:F261"/>
    <mergeCell ref="E262:F262"/>
    <mergeCell ref="E263:F263"/>
    <mergeCell ref="E264:F264"/>
    <mergeCell ref="E265:F265"/>
    <mergeCell ref="E266:F266"/>
    <mergeCell ref="E267:F267"/>
    <mergeCell ref="E268:F268"/>
    <mergeCell ref="E269:F269"/>
    <mergeCell ref="E270:F270"/>
    <mergeCell ref="E271:F271"/>
    <mergeCell ref="E272:F272"/>
    <mergeCell ref="E273:F273"/>
    <mergeCell ref="E276:F276"/>
    <mergeCell ref="E280:F280"/>
    <mergeCell ref="C39:D39"/>
    <mergeCell ref="C40:D40"/>
    <mergeCell ref="C41:D41"/>
    <mergeCell ref="C42:D42"/>
    <mergeCell ref="C43:D43"/>
    <mergeCell ref="C44:D44"/>
    <mergeCell ref="C45:D45"/>
    <mergeCell ref="E159:F159"/>
    <mergeCell ref="E160:F160"/>
    <mergeCell ref="E129:F129"/>
    <mergeCell ref="E130:F130"/>
    <mergeCell ref="E131:F131"/>
    <mergeCell ref="E132:F132"/>
    <mergeCell ref="E133:F133"/>
    <mergeCell ref="E134:F134"/>
    <mergeCell ref="E135:F135"/>
    <mergeCell ref="E153:F153"/>
    <mergeCell ref="E136:F136"/>
    <mergeCell ref="E137:F137"/>
    <mergeCell ref="E138:F138"/>
    <mergeCell ref="E139:F139"/>
    <mergeCell ref="E140:F140"/>
    <mergeCell ref="E141:F141"/>
    <mergeCell ref="E142:F142"/>
    <mergeCell ref="E143:F143"/>
    <mergeCell ref="E144:F144"/>
    <mergeCell ref="E80:F80"/>
    <mergeCell ref="E145:F145"/>
    <mergeCell ref="E146:F146"/>
    <mergeCell ref="E147:F147"/>
    <mergeCell ref="E148:F148"/>
    <mergeCell ref="E149:F149"/>
    <mergeCell ref="E150:F150"/>
    <mergeCell ref="E151:F151"/>
    <mergeCell ref="E152:F152"/>
    <mergeCell ref="E110:F110"/>
    <mergeCell ref="E102:F102"/>
    <mergeCell ref="E103:F103"/>
    <mergeCell ref="E104:F104"/>
    <mergeCell ref="E105:F105"/>
    <mergeCell ref="E106:F106"/>
    <mergeCell ref="E107:F107"/>
    <mergeCell ref="E81:F81"/>
    <mergeCell ref="E82:F82"/>
    <mergeCell ref="E83:F83"/>
    <mergeCell ref="E84:F84"/>
    <mergeCell ref="E95:F95"/>
    <mergeCell ref="E96:F96"/>
    <mergeCell ref="E97:F97"/>
    <mergeCell ref="E98:F98"/>
    <mergeCell ref="E154:F154"/>
    <mergeCell ref="E155:F155"/>
    <mergeCell ref="E156:F156"/>
    <mergeCell ref="E157:F157"/>
    <mergeCell ref="E61:F61"/>
    <mergeCell ref="E62:F62"/>
    <mergeCell ref="E63:F63"/>
    <mergeCell ref="E64:F64"/>
    <mergeCell ref="E65:F65"/>
    <mergeCell ref="E66:F66"/>
    <mergeCell ref="E67:F67"/>
    <mergeCell ref="E68:F68"/>
    <mergeCell ref="E69:F69"/>
    <mergeCell ref="E70:F70"/>
    <mergeCell ref="E71:F71"/>
    <mergeCell ref="E72:F72"/>
    <mergeCell ref="E73:F73"/>
    <mergeCell ref="E74:F74"/>
    <mergeCell ref="E75:F75"/>
    <mergeCell ref="E76:F76"/>
    <mergeCell ref="E77:F77"/>
    <mergeCell ref="E78:F78"/>
    <mergeCell ref="E79:F79"/>
    <mergeCell ref="E101:F101"/>
    <mergeCell ref="E126:F126"/>
    <mergeCell ref="E127:F127"/>
    <mergeCell ref="E128:F128"/>
    <mergeCell ref="B85:F85"/>
    <mergeCell ref="B94:F94"/>
    <mergeCell ref="E117:F117"/>
    <mergeCell ref="E118:F118"/>
    <mergeCell ref="E119:F119"/>
    <mergeCell ref="E120:F120"/>
    <mergeCell ref="E121:F121"/>
    <mergeCell ref="E122:F122"/>
    <mergeCell ref="E123:F123"/>
    <mergeCell ref="E124:F124"/>
    <mergeCell ref="E125:F125"/>
    <mergeCell ref="E108:F108"/>
    <mergeCell ref="E109:F109"/>
    <mergeCell ref="E111:F111"/>
    <mergeCell ref="E112:F112"/>
    <mergeCell ref="E113:F113"/>
    <mergeCell ref="E114:F114"/>
    <mergeCell ref="E115:F115"/>
    <mergeCell ref="E116:F116"/>
    <mergeCell ref="E99:F99"/>
    <mergeCell ref="E100:F100"/>
    <mergeCell ref="E235:F235"/>
    <mergeCell ref="E236:F236"/>
    <mergeCell ref="E237:F237"/>
    <mergeCell ref="E238:F238"/>
    <mergeCell ref="E222:F222"/>
    <mergeCell ref="E223:F223"/>
    <mergeCell ref="E224:F224"/>
    <mergeCell ref="E225:F225"/>
    <mergeCell ref="E226:F226"/>
    <mergeCell ref="E227:F227"/>
    <mergeCell ref="E228:F228"/>
    <mergeCell ref="E229:F229"/>
    <mergeCell ref="E230:F230"/>
    <mergeCell ref="B212:F212"/>
    <mergeCell ref="E231:F231"/>
    <mergeCell ref="E232:F232"/>
    <mergeCell ref="E233:F233"/>
    <mergeCell ref="E234:F234"/>
    <mergeCell ref="E213:F213"/>
    <mergeCell ref="E214:F214"/>
    <mergeCell ref="E215:F215"/>
    <mergeCell ref="E216:F216"/>
    <mergeCell ref="E217:F217"/>
    <mergeCell ref="E218:F218"/>
    <mergeCell ref="E219:F219"/>
    <mergeCell ref="E220:F220"/>
    <mergeCell ref="E221:F221"/>
    <mergeCell ref="B211:C211"/>
    <mergeCell ref="E211:F211"/>
    <mergeCell ref="B200:F200"/>
    <mergeCell ref="E191:F191"/>
    <mergeCell ref="E192:F192"/>
    <mergeCell ref="E193:F193"/>
    <mergeCell ref="E194:F194"/>
    <mergeCell ref="E195:F195"/>
    <mergeCell ref="E196:F196"/>
    <mergeCell ref="E197:F197"/>
    <mergeCell ref="E198:F198"/>
    <mergeCell ref="E199:F199"/>
    <mergeCell ref="B205:C205"/>
    <mergeCell ref="E205:F205"/>
    <mergeCell ref="B206:C206"/>
    <mergeCell ref="E206:F206"/>
    <mergeCell ref="B207:C207"/>
    <mergeCell ref="E207:F207"/>
    <mergeCell ref="B208:C208"/>
    <mergeCell ref="E208:F208"/>
    <mergeCell ref="B209:C209"/>
    <mergeCell ref="E209:F209"/>
    <mergeCell ref="B210:C210"/>
    <mergeCell ref="E210:F210"/>
  </mergeCells>
  <conditionalFormatting sqref="E314:F314">
    <cfRule type="containsBlanks" dxfId="144" priority="435">
      <formula>LEN(TRIM(E314))=0</formula>
    </cfRule>
  </conditionalFormatting>
  <conditionalFormatting sqref="C312">
    <cfRule type="containsBlanks" dxfId="143" priority="433">
      <formula>LEN(TRIM(C312))=0</formula>
    </cfRule>
  </conditionalFormatting>
  <conditionalFormatting sqref="E315:F315">
    <cfRule type="containsBlanks" dxfId="142" priority="434">
      <formula>LEN(TRIM(E315))=0</formula>
    </cfRule>
  </conditionalFormatting>
  <conditionalFormatting sqref="C314">
    <cfRule type="containsBlanks" dxfId="141" priority="432">
      <formula>LEN(TRIM(C314))=0</formula>
    </cfRule>
  </conditionalFormatting>
  <conditionalFormatting sqref="C4:C5">
    <cfRule type="containsBlanks" dxfId="140" priority="431">
      <formula>LEN(TRIM(C4))=0</formula>
    </cfRule>
  </conditionalFormatting>
  <conditionalFormatting sqref="D294">
    <cfRule type="containsBlanks" dxfId="139" priority="425">
      <formula>LEN(TRIM(D294))=0</formula>
    </cfRule>
  </conditionalFormatting>
  <conditionalFormatting sqref="C305:D305">
    <cfRule type="containsBlanks" dxfId="138" priority="421">
      <formula>LEN(TRIM(C305))=0</formula>
    </cfRule>
  </conditionalFormatting>
  <conditionalFormatting sqref="C304:D304">
    <cfRule type="containsBlanks" dxfId="137" priority="372">
      <formula>LEN(TRIM(C304))=0</formula>
    </cfRule>
  </conditionalFormatting>
  <conditionalFormatting sqref="C303:D303">
    <cfRule type="containsBlanks" dxfId="136" priority="371">
      <formula>LEN(TRIM(C303))=0</formula>
    </cfRule>
  </conditionalFormatting>
  <conditionalFormatting sqref="C306:D306">
    <cfRule type="containsBlanks" dxfId="135" priority="370">
      <formula>LEN(TRIM(C306))=0</formula>
    </cfRule>
  </conditionalFormatting>
  <conditionalFormatting sqref="D295:D296">
    <cfRule type="containsBlanks" dxfId="134" priority="346">
      <formula>LEN(TRIM(D295))=0</formula>
    </cfRule>
  </conditionalFormatting>
  <conditionalFormatting sqref="D297">
    <cfRule type="containsBlanks" dxfId="133" priority="345">
      <formula>LEN(TRIM(D297))=0</formula>
    </cfRule>
  </conditionalFormatting>
  <conditionalFormatting sqref="D180">
    <cfRule type="containsBlanks" dxfId="132" priority="281">
      <formula>LEN(TRIM(D180))=0</formula>
    </cfRule>
  </conditionalFormatting>
  <conditionalFormatting sqref="D158">
    <cfRule type="containsBlanks" dxfId="131" priority="185">
      <formula>LEN(TRIM(D158))=0</formula>
    </cfRule>
  </conditionalFormatting>
  <conditionalFormatting sqref="D174:D175">
    <cfRule type="containsBlanks" dxfId="130" priority="184">
      <formula>LEN(TRIM(D174))=0</formula>
    </cfRule>
  </conditionalFormatting>
  <conditionalFormatting sqref="D176">
    <cfRule type="containsBlanks" dxfId="129" priority="183">
      <formula>LEN(TRIM(D176))=0</formula>
    </cfRule>
  </conditionalFormatting>
  <conditionalFormatting sqref="D177">
    <cfRule type="containsBlanks" dxfId="128" priority="182">
      <formula>LEN(TRIM(D177))=0</formula>
    </cfRule>
  </conditionalFormatting>
  <conditionalFormatting sqref="D178:D179">
    <cfRule type="containsBlanks" dxfId="127" priority="181">
      <formula>LEN(TRIM(D178))=0</formula>
    </cfRule>
  </conditionalFormatting>
  <conditionalFormatting sqref="D181">
    <cfRule type="containsBlanks" dxfId="126" priority="180">
      <formula>LEN(TRIM(D181))=0</formula>
    </cfRule>
  </conditionalFormatting>
  <conditionalFormatting sqref="D182">
    <cfRule type="containsBlanks" dxfId="125" priority="174">
      <formula>LEN(TRIM(D182))=0</formula>
    </cfRule>
  </conditionalFormatting>
  <conditionalFormatting sqref="D183">
    <cfRule type="containsBlanks" dxfId="124" priority="173">
      <formula>LEN(TRIM(D183))=0</formula>
    </cfRule>
  </conditionalFormatting>
  <conditionalFormatting sqref="D184">
    <cfRule type="containsBlanks" dxfId="123" priority="172">
      <formula>LEN(TRIM(D184))=0</formula>
    </cfRule>
  </conditionalFormatting>
  <conditionalFormatting sqref="D185:D186">
    <cfRule type="containsBlanks" dxfId="122" priority="171">
      <formula>LEN(TRIM(D185))=0</formula>
    </cfRule>
  </conditionalFormatting>
  <conditionalFormatting sqref="D275:D277 D281:D287">
    <cfRule type="containsBlanks" dxfId="121" priority="164">
      <formula>LEN(TRIM(D275))=0</formula>
    </cfRule>
  </conditionalFormatting>
  <conditionalFormatting sqref="D273:D274">
    <cfRule type="containsBlanks" dxfId="120" priority="162">
      <formula>LEN(TRIM(D273))=0</formula>
    </cfRule>
  </conditionalFormatting>
  <conditionalFormatting sqref="D278:D280">
    <cfRule type="containsBlanks" dxfId="119" priority="161">
      <formula>LEN(TRIM(D278))=0</formula>
    </cfRule>
  </conditionalFormatting>
  <conditionalFormatting sqref="D288">
    <cfRule type="containsBlanks" dxfId="118" priority="160">
      <formula>LEN(TRIM(D288))=0</formula>
    </cfRule>
  </conditionalFormatting>
  <conditionalFormatting sqref="D165">
    <cfRule type="containsBlanks" dxfId="117" priority="159">
      <formula>LEN(TRIM(D165))=0</formula>
    </cfRule>
  </conditionalFormatting>
  <conditionalFormatting sqref="D159:D160">
    <cfRule type="containsBlanks" dxfId="116" priority="158">
      <formula>LEN(TRIM(D159))=0</formula>
    </cfRule>
  </conditionalFormatting>
  <conditionalFormatting sqref="D161">
    <cfRule type="containsBlanks" dxfId="115" priority="157">
      <formula>LEN(TRIM(D161))=0</formula>
    </cfRule>
  </conditionalFormatting>
  <conditionalFormatting sqref="D162">
    <cfRule type="containsBlanks" dxfId="114" priority="156">
      <formula>LEN(TRIM(D162))=0</formula>
    </cfRule>
  </conditionalFormatting>
  <conditionalFormatting sqref="D163:D164">
    <cfRule type="containsBlanks" dxfId="113" priority="155">
      <formula>LEN(TRIM(D163))=0</formula>
    </cfRule>
  </conditionalFormatting>
  <conditionalFormatting sqref="D166">
    <cfRule type="containsBlanks" dxfId="112" priority="154">
      <formula>LEN(TRIM(D166))=0</formula>
    </cfRule>
  </conditionalFormatting>
  <conditionalFormatting sqref="D173">
    <cfRule type="containsBlanks" dxfId="111" priority="153">
      <formula>LEN(TRIM(D173))=0</formula>
    </cfRule>
  </conditionalFormatting>
  <conditionalFormatting sqref="D167">
    <cfRule type="containsBlanks" dxfId="110" priority="152">
      <formula>LEN(TRIM(D167))=0</formula>
    </cfRule>
  </conditionalFormatting>
  <conditionalFormatting sqref="D168">
    <cfRule type="containsBlanks" dxfId="109" priority="151">
      <formula>LEN(TRIM(D168))=0</formula>
    </cfRule>
  </conditionalFormatting>
  <conditionalFormatting sqref="D169">
    <cfRule type="containsBlanks" dxfId="108" priority="150">
      <formula>LEN(TRIM(D169))=0</formula>
    </cfRule>
  </conditionalFormatting>
  <conditionalFormatting sqref="D170:D171">
    <cfRule type="containsBlanks" dxfId="107" priority="149">
      <formula>LEN(TRIM(D170))=0</formula>
    </cfRule>
  </conditionalFormatting>
  <conditionalFormatting sqref="D150">
    <cfRule type="containsBlanks" dxfId="106" priority="148">
      <formula>LEN(TRIM(D150))=0</formula>
    </cfRule>
  </conditionalFormatting>
  <conditionalFormatting sqref="D129">
    <cfRule type="containsBlanks" dxfId="105" priority="147">
      <formula>LEN(TRIM(D129))=0</formula>
    </cfRule>
  </conditionalFormatting>
  <conditionalFormatting sqref="D144:D145">
    <cfRule type="containsBlanks" dxfId="104" priority="146">
      <formula>LEN(TRIM(D144))=0</formula>
    </cfRule>
  </conditionalFormatting>
  <conditionalFormatting sqref="D146">
    <cfRule type="containsBlanks" dxfId="103" priority="145">
      <formula>LEN(TRIM(D146))=0</formula>
    </cfRule>
  </conditionalFormatting>
  <conditionalFormatting sqref="D147">
    <cfRule type="containsBlanks" dxfId="102" priority="144">
      <formula>LEN(TRIM(D147))=0</formula>
    </cfRule>
  </conditionalFormatting>
  <conditionalFormatting sqref="D148:D149">
    <cfRule type="containsBlanks" dxfId="101" priority="143">
      <formula>LEN(TRIM(D148))=0</formula>
    </cfRule>
  </conditionalFormatting>
  <conditionalFormatting sqref="D151">
    <cfRule type="containsBlanks" dxfId="100" priority="142">
      <formula>LEN(TRIM(D151))=0</formula>
    </cfRule>
  </conditionalFormatting>
  <conditionalFormatting sqref="D157">
    <cfRule type="containsBlanks" dxfId="99" priority="141">
      <formula>LEN(TRIM(D157))=0</formula>
    </cfRule>
  </conditionalFormatting>
  <conditionalFormatting sqref="D152">
    <cfRule type="containsBlanks" dxfId="98" priority="140">
      <formula>LEN(TRIM(D152))=0</formula>
    </cfRule>
  </conditionalFormatting>
  <conditionalFormatting sqref="D153">
    <cfRule type="containsBlanks" dxfId="97" priority="139">
      <formula>LEN(TRIM(D153))=0</formula>
    </cfRule>
  </conditionalFormatting>
  <conditionalFormatting sqref="D154">
    <cfRule type="containsBlanks" dxfId="96" priority="138">
      <formula>LEN(TRIM(D154))=0</formula>
    </cfRule>
  </conditionalFormatting>
  <conditionalFormatting sqref="D155:D156">
    <cfRule type="containsBlanks" dxfId="95" priority="137">
      <formula>LEN(TRIM(D155))=0</formula>
    </cfRule>
  </conditionalFormatting>
  <conditionalFormatting sqref="D136">
    <cfRule type="containsBlanks" dxfId="94" priority="136">
      <formula>LEN(TRIM(D136))=0</formula>
    </cfRule>
  </conditionalFormatting>
  <conditionalFormatting sqref="D130:D131">
    <cfRule type="containsBlanks" dxfId="93" priority="135">
      <formula>LEN(TRIM(D130))=0</formula>
    </cfRule>
  </conditionalFormatting>
  <conditionalFormatting sqref="D132">
    <cfRule type="containsBlanks" dxfId="92" priority="134">
      <formula>LEN(TRIM(D132))=0</formula>
    </cfRule>
  </conditionalFormatting>
  <conditionalFormatting sqref="D133">
    <cfRule type="containsBlanks" dxfId="91" priority="133">
      <formula>LEN(TRIM(D133))=0</formula>
    </cfRule>
  </conditionalFormatting>
  <conditionalFormatting sqref="D134:D135">
    <cfRule type="containsBlanks" dxfId="90" priority="132">
      <formula>LEN(TRIM(D134))=0</formula>
    </cfRule>
  </conditionalFormatting>
  <conditionalFormatting sqref="D137">
    <cfRule type="containsBlanks" dxfId="89" priority="131">
      <formula>LEN(TRIM(D137))=0</formula>
    </cfRule>
  </conditionalFormatting>
  <conditionalFormatting sqref="D143">
    <cfRule type="containsBlanks" dxfId="88" priority="130">
      <formula>LEN(TRIM(D143))=0</formula>
    </cfRule>
  </conditionalFormatting>
  <conditionalFormatting sqref="D138">
    <cfRule type="containsBlanks" dxfId="87" priority="129">
      <formula>LEN(TRIM(D138))=0</formula>
    </cfRule>
  </conditionalFormatting>
  <conditionalFormatting sqref="D139">
    <cfRule type="containsBlanks" dxfId="86" priority="128">
      <formula>LEN(TRIM(D139))=0</formula>
    </cfRule>
  </conditionalFormatting>
  <conditionalFormatting sqref="D140">
    <cfRule type="containsBlanks" dxfId="85" priority="127">
      <formula>LEN(TRIM(D140))=0</formula>
    </cfRule>
  </conditionalFormatting>
  <conditionalFormatting sqref="D141:D142">
    <cfRule type="containsBlanks" dxfId="84" priority="126">
      <formula>LEN(TRIM(D141))=0</formula>
    </cfRule>
  </conditionalFormatting>
  <conditionalFormatting sqref="D121">
    <cfRule type="containsBlanks" dxfId="83" priority="125">
      <formula>LEN(TRIM(D121))=0</formula>
    </cfRule>
  </conditionalFormatting>
  <conditionalFormatting sqref="D100">
    <cfRule type="containsBlanks" dxfId="82" priority="124">
      <formula>LEN(TRIM(D100))=0</formula>
    </cfRule>
  </conditionalFormatting>
  <conditionalFormatting sqref="D115:D116">
    <cfRule type="containsBlanks" dxfId="81" priority="123">
      <formula>LEN(TRIM(D115))=0</formula>
    </cfRule>
  </conditionalFormatting>
  <conditionalFormatting sqref="D117">
    <cfRule type="containsBlanks" dxfId="80" priority="122">
      <formula>LEN(TRIM(D117))=0</formula>
    </cfRule>
  </conditionalFormatting>
  <conditionalFormatting sqref="D118">
    <cfRule type="containsBlanks" dxfId="79" priority="121">
      <formula>LEN(TRIM(D118))=0</formula>
    </cfRule>
  </conditionalFormatting>
  <conditionalFormatting sqref="D119:D120">
    <cfRule type="containsBlanks" dxfId="78" priority="120">
      <formula>LEN(TRIM(D119))=0</formula>
    </cfRule>
  </conditionalFormatting>
  <conditionalFormatting sqref="D122">
    <cfRule type="containsBlanks" dxfId="77" priority="119">
      <formula>LEN(TRIM(D122))=0</formula>
    </cfRule>
  </conditionalFormatting>
  <conditionalFormatting sqref="D128">
    <cfRule type="containsBlanks" dxfId="76" priority="118">
      <formula>LEN(TRIM(D128))=0</formula>
    </cfRule>
  </conditionalFormatting>
  <conditionalFormatting sqref="D123">
    <cfRule type="containsBlanks" dxfId="75" priority="117">
      <formula>LEN(TRIM(D123))=0</formula>
    </cfRule>
  </conditionalFormatting>
  <conditionalFormatting sqref="D124">
    <cfRule type="containsBlanks" dxfId="74" priority="116">
      <formula>LEN(TRIM(D124))=0</formula>
    </cfRule>
  </conditionalFormatting>
  <conditionalFormatting sqref="D125">
    <cfRule type="containsBlanks" dxfId="73" priority="115">
      <formula>LEN(TRIM(D125))=0</formula>
    </cfRule>
  </conditionalFormatting>
  <conditionalFormatting sqref="D126:D127">
    <cfRule type="containsBlanks" dxfId="72" priority="114">
      <formula>LEN(TRIM(D126))=0</formula>
    </cfRule>
  </conditionalFormatting>
  <conditionalFormatting sqref="D107">
    <cfRule type="containsBlanks" dxfId="71" priority="113">
      <formula>LEN(TRIM(D107))=0</formula>
    </cfRule>
  </conditionalFormatting>
  <conditionalFormatting sqref="D101:D102">
    <cfRule type="containsBlanks" dxfId="70" priority="112">
      <formula>LEN(TRIM(D101))=0</formula>
    </cfRule>
  </conditionalFormatting>
  <conditionalFormatting sqref="D103">
    <cfRule type="containsBlanks" dxfId="69" priority="111">
      <formula>LEN(TRIM(D103))=0</formula>
    </cfRule>
  </conditionalFormatting>
  <conditionalFormatting sqref="D104">
    <cfRule type="containsBlanks" dxfId="68" priority="110">
      <formula>LEN(TRIM(D104))=0</formula>
    </cfRule>
  </conditionalFormatting>
  <conditionalFormatting sqref="D105:D106">
    <cfRule type="containsBlanks" dxfId="67" priority="109">
      <formula>LEN(TRIM(D105))=0</formula>
    </cfRule>
  </conditionalFormatting>
  <conditionalFormatting sqref="D108">
    <cfRule type="containsBlanks" dxfId="66" priority="108">
      <formula>LEN(TRIM(D108))=0</formula>
    </cfRule>
  </conditionalFormatting>
  <conditionalFormatting sqref="D114">
    <cfRule type="containsBlanks" dxfId="65" priority="107">
      <formula>LEN(TRIM(D114))=0</formula>
    </cfRule>
  </conditionalFormatting>
  <conditionalFormatting sqref="D109">
    <cfRule type="containsBlanks" dxfId="64" priority="106">
      <formula>LEN(TRIM(D109))=0</formula>
    </cfRule>
  </conditionalFormatting>
  <conditionalFormatting sqref="D110">
    <cfRule type="containsBlanks" dxfId="63" priority="105">
      <formula>LEN(TRIM(D110))=0</formula>
    </cfRule>
  </conditionalFormatting>
  <conditionalFormatting sqref="D111">
    <cfRule type="containsBlanks" dxfId="62" priority="104">
      <formula>LEN(TRIM(D111))=0</formula>
    </cfRule>
  </conditionalFormatting>
  <conditionalFormatting sqref="D112:D113">
    <cfRule type="containsBlanks" dxfId="61" priority="103">
      <formula>LEN(TRIM(D112))=0</formula>
    </cfRule>
  </conditionalFormatting>
  <conditionalFormatting sqref="D82">
    <cfRule type="containsBlanks" dxfId="60" priority="102">
      <formula>LEN(TRIM(D82))=0</formula>
    </cfRule>
  </conditionalFormatting>
  <conditionalFormatting sqref="D76:D77">
    <cfRule type="containsBlanks" dxfId="59" priority="100">
      <formula>LEN(TRIM(D76))=0</formula>
    </cfRule>
  </conditionalFormatting>
  <conditionalFormatting sqref="D78">
    <cfRule type="containsBlanks" dxfId="58" priority="99">
      <formula>LEN(TRIM(D78))=0</formula>
    </cfRule>
  </conditionalFormatting>
  <conditionalFormatting sqref="D79">
    <cfRule type="containsBlanks" dxfId="57" priority="98">
      <formula>LEN(TRIM(D79))=0</formula>
    </cfRule>
  </conditionalFormatting>
  <conditionalFormatting sqref="D80:D81">
    <cfRule type="containsBlanks" dxfId="56" priority="97">
      <formula>LEN(TRIM(D80))=0</formula>
    </cfRule>
  </conditionalFormatting>
  <conditionalFormatting sqref="D83">
    <cfRule type="containsBlanks" dxfId="55" priority="96">
      <formula>LEN(TRIM(D83))=0</formula>
    </cfRule>
  </conditionalFormatting>
  <conditionalFormatting sqref="D99">
    <cfRule type="containsBlanks" dxfId="54" priority="95">
      <formula>LEN(TRIM(D99))=0</formula>
    </cfRule>
  </conditionalFormatting>
  <conditionalFormatting sqref="D84">
    <cfRule type="containsBlanks" dxfId="53" priority="94">
      <formula>LEN(TRIM(D84))=0</formula>
    </cfRule>
  </conditionalFormatting>
  <conditionalFormatting sqref="D95">
    <cfRule type="containsBlanks" dxfId="52" priority="93">
      <formula>LEN(TRIM(D95))=0</formula>
    </cfRule>
  </conditionalFormatting>
  <conditionalFormatting sqref="D96">
    <cfRule type="containsBlanks" dxfId="51" priority="92">
      <formula>LEN(TRIM(D96))=0</formula>
    </cfRule>
  </conditionalFormatting>
  <conditionalFormatting sqref="D97:D98">
    <cfRule type="containsBlanks" dxfId="50" priority="91">
      <formula>LEN(TRIM(D97))=0</formula>
    </cfRule>
  </conditionalFormatting>
  <conditionalFormatting sqref="D68">
    <cfRule type="containsBlanks" dxfId="49" priority="90">
      <formula>LEN(TRIM(D68))=0</formula>
    </cfRule>
  </conditionalFormatting>
  <conditionalFormatting sqref="D62:D63">
    <cfRule type="containsBlanks" dxfId="48" priority="89">
      <formula>LEN(TRIM(D62))=0</formula>
    </cfRule>
  </conditionalFormatting>
  <conditionalFormatting sqref="D64">
    <cfRule type="containsBlanks" dxfId="47" priority="88">
      <formula>LEN(TRIM(D64))=0</formula>
    </cfRule>
  </conditionalFormatting>
  <conditionalFormatting sqref="D65">
    <cfRule type="containsBlanks" dxfId="46" priority="87">
      <formula>LEN(TRIM(D65))=0</formula>
    </cfRule>
  </conditionalFormatting>
  <conditionalFormatting sqref="D66:D67">
    <cfRule type="containsBlanks" dxfId="45" priority="86">
      <formula>LEN(TRIM(D66))=0</formula>
    </cfRule>
  </conditionalFormatting>
  <conditionalFormatting sqref="D69">
    <cfRule type="containsBlanks" dxfId="44" priority="85">
      <formula>LEN(TRIM(D69))=0</formula>
    </cfRule>
  </conditionalFormatting>
  <conditionalFormatting sqref="D75">
    <cfRule type="containsBlanks" dxfId="43" priority="84">
      <formula>LEN(TRIM(D75))=0</formula>
    </cfRule>
  </conditionalFormatting>
  <conditionalFormatting sqref="D70">
    <cfRule type="containsBlanks" dxfId="42" priority="83">
      <formula>LEN(TRIM(D70))=0</formula>
    </cfRule>
  </conditionalFormatting>
  <conditionalFormatting sqref="D71">
    <cfRule type="containsBlanks" dxfId="41" priority="82">
      <formula>LEN(TRIM(D71))=0</formula>
    </cfRule>
  </conditionalFormatting>
  <conditionalFormatting sqref="D72">
    <cfRule type="containsBlanks" dxfId="40" priority="81">
      <formula>LEN(TRIM(D72))=0</formula>
    </cfRule>
  </conditionalFormatting>
  <conditionalFormatting sqref="D73:D74">
    <cfRule type="containsBlanks" dxfId="39" priority="80">
      <formula>LEN(TRIM(D73))=0</formula>
    </cfRule>
  </conditionalFormatting>
  <conditionalFormatting sqref="D233">
    <cfRule type="containsBlanks" dxfId="38" priority="56">
      <formula>LEN(TRIM(D233))=0</formula>
    </cfRule>
  </conditionalFormatting>
  <conditionalFormatting sqref="D234:D235">
    <cfRule type="containsBlanks" dxfId="37" priority="44">
      <formula>LEN(TRIM(D234))=0</formula>
    </cfRule>
  </conditionalFormatting>
  <conditionalFormatting sqref="D236">
    <cfRule type="containsBlanks" dxfId="36" priority="43">
      <formula>LEN(TRIM(D236))=0</formula>
    </cfRule>
  </conditionalFormatting>
  <conditionalFormatting sqref="D237">
    <cfRule type="containsBlanks" dxfId="35" priority="42">
      <formula>LEN(TRIM(D237))=0</formula>
    </cfRule>
  </conditionalFormatting>
  <conditionalFormatting sqref="D238">
    <cfRule type="containsBlanks" dxfId="34" priority="41">
      <formula>LEN(TRIM(D238))=0</formula>
    </cfRule>
  </conditionalFormatting>
  <conditionalFormatting sqref="D225">
    <cfRule type="containsBlanks" dxfId="33" priority="34">
      <formula>LEN(TRIM(D225))=0</formula>
    </cfRule>
  </conditionalFormatting>
  <conditionalFormatting sqref="D191">
    <cfRule type="containsBlanks" dxfId="32" priority="33">
      <formula>LEN(TRIM(D191))=0</formula>
    </cfRule>
  </conditionalFormatting>
  <conditionalFormatting sqref="D219:D220">
    <cfRule type="containsBlanks" dxfId="31" priority="32">
      <formula>LEN(TRIM(D219))=0</formula>
    </cfRule>
  </conditionalFormatting>
  <conditionalFormatting sqref="D221">
    <cfRule type="containsBlanks" dxfId="30" priority="31">
      <formula>LEN(TRIM(D221))=0</formula>
    </cfRule>
  </conditionalFormatting>
  <conditionalFormatting sqref="D222">
    <cfRule type="containsBlanks" dxfId="29" priority="30">
      <formula>LEN(TRIM(D222))=0</formula>
    </cfRule>
  </conditionalFormatting>
  <conditionalFormatting sqref="D223:D224">
    <cfRule type="containsBlanks" dxfId="28" priority="29">
      <formula>LEN(TRIM(D223))=0</formula>
    </cfRule>
  </conditionalFormatting>
  <conditionalFormatting sqref="D226">
    <cfRule type="containsBlanks" dxfId="27" priority="28">
      <formula>LEN(TRIM(D226))=0</formula>
    </cfRule>
  </conditionalFormatting>
  <conditionalFormatting sqref="D232">
    <cfRule type="containsBlanks" dxfId="26" priority="27">
      <formula>LEN(TRIM(D232))=0</formula>
    </cfRule>
  </conditionalFormatting>
  <conditionalFormatting sqref="D227">
    <cfRule type="containsBlanks" dxfId="25" priority="26">
      <formula>LEN(TRIM(D227))=0</formula>
    </cfRule>
  </conditionalFormatting>
  <conditionalFormatting sqref="D228">
    <cfRule type="containsBlanks" dxfId="24" priority="25">
      <formula>LEN(TRIM(D228))=0</formula>
    </cfRule>
  </conditionalFormatting>
  <conditionalFormatting sqref="D229">
    <cfRule type="containsBlanks" dxfId="23" priority="24">
      <formula>LEN(TRIM(D229))=0</formula>
    </cfRule>
  </conditionalFormatting>
  <conditionalFormatting sqref="D230:D231">
    <cfRule type="containsBlanks" dxfId="22" priority="23">
      <formula>LEN(TRIM(D230))=0</formula>
    </cfRule>
  </conditionalFormatting>
  <conditionalFormatting sqref="D198">
    <cfRule type="containsBlanks" dxfId="21" priority="22">
      <formula>LEN(TRIM(D198))=0</formula>
    </cfRule>
  </conditionalFormatting>
  <conditionalFormatting sqref="D192:D193">
    <cfRule type="containsBlanks" dxfId="20" priority="21">
      <formula>LEN(TRIM(D192))=0</formula>
    </cfRule>
  </conditionalFormatting>
  <conditionalFormatting sqref="D194">
    <cfRule type="containsBlanks" dxfId="19" priority="20">
      <formula>LEN(TRIM(D194))=0</formula>
    </cfRule>
  </conditionalFormatting>
  <conditionalFormatting sqref="D195">
    <cfRule type="containsBlanks" dxfId="18" priority="19">
      <formula>LEN(TRIM(D195))=0</formula>
    </cfRule>
  </conditionalFormatting>
  <conditionalFormatting sqref="D196:D197">
    <cfRule type="containsBlanks" dxfId="17" priority="18">
      <formula>LEN(TRIM(D196))=0</formula>
    </cfRule>
  </conditionalFormatting>
  <conditionalFormatting sqref="D199">
    <cfRule type="containsBlanks" dxfId="16" priority="17">
      <formula>LEN(TRIM(D199))=0</formula>
    </cfRule>
  </conditionalFormatting>
  <conditionalFormatting sqref="D218">
    <cfRule type="containsBlanks" dxfId="15" priority="16">
      <formula>LEN(TRIM(D218))=0</formula>
    </cfRule>
  </conditionalFormatting>
  <conditionalFormatting sqref="D213">
    <cfRule type="containsBlanks" dxfId="14" priority="15">
      <formula>LEN(TRIM(D213))=0</formula>
    </cfRule>
  </conditionalFormatting>
  <conditionalFormatting sqref="D214">
    <cfRule type="containsBlanks" dxfId="13" priority="14">
      <formula>LEN(TRIM(D214))=0</formula>
    </cfRule>
  </conditionalFormatting>
  <conditionalFormatting sqref="D215">
    <cfRule type="containsBlanks" dxfId="12" priority="13">
      <formula>LEN(TRIM(D215))=0</formula>
    </cfRule>
  </conditionalFormatting>
  <conditionalFormatting sqref="D216:D217">
    <cfRule type="containsBlanks" dxfId="11" priority="12">
      <formula>LEN(TRIM(D216))=0</formula>
    </cfRule>
  </conditionalFormatting>
  <conditionalFormatting sqref="D190">
    <cfRule type="containsBlanks" dxfId="10" priority="11">
      <formula>LEN(TRIM(D190))=0</formula>
    </cfRule>
  </conditionalFormatting>
  <conditionalFormatting sqref="D187">
    <cfRule type="containsBlanks" dxfId="9" priority="10">
      <formula>LEN(TRIM(D187))=0</formula>
    </cfRule>
  </conditionalFormatting>
  <conditionalFormatting sqref="D188:D189">
    <cfRule type="containsBlanks" dxfId="8" priority="9">
      <formula>LEN(TRIM(D188))=0</formula>
    </cfRule>
  </conditionalFormatting>
  <conditionalFormatting sqref="D86:D93">
    <cfRule type="containsBlanks" dxfId="7" priority="8">
      <formula>LEN(TRIM(D86))=0</formula>
    </cfRule>
  </conditionalFormatting>
  <conditionalFormatting sqref="D61">
    <cfRule type="containsBlanks" dxfId="6" priority="7">
      <formula>LEN(TRIM(D61))=0</formula>
    </cfRule>
  </conditionalFormatting>
  <conditionalFormatting sqref="D172">
    <cfRule type="containsBlanks" dxfId="5" priority="6">
      <formula>LEN(TRIM(D172))=0</formula>
    </cfRule>
  </conditionalFormatting>
  <conditionalFormatting sqref="D201">
    <cfRule type="containsBlanks" dxfId="4" priority="5">
      <formula>LEN(TRIM(D201))=0</formula>
    </cfRule>
  </conditionalFormatting>
  <conditionalFormatting sqref="D202:D211">
    <cfRule type="containsBlanks" dxfId="3" priority="4">
      <formula>LEN(TRIM(D202))=0</formula>
    </cfRule>
  </conditionalFormatting>
  <conditionalFormatting sqref="D244:D253">
    <cfRule type="containsBlanks" dxfId="2" priority="3">
      <formula>LEN(TRIM(D244))=0</formula>
    </cfRule>
  </conditionalFormatting>
  <conditionalFormatting sqref="D254:D259">
    <cfRule type="containsBlanks" dxfId="1" priority="2">
      <formula>LEN(TRIM(D254))=0</formula>
    </cfRule>
  </conditionalFormatting>
  <conditionalFormatting sqref="D260:D272">
    <cfRule type="containsBlanks" dxfId="0" priority="1">
      <formula>LEN(TRIM(D260))=0</formula>
    </cfRule>
  </conditionalFormatting>
  <printOptions horizontalCentered="1"/>
  <pageMargins left="0.70866141732283472" right="0.70866141732283472" top="0.9055118110236221" bottom="0.74803149606299213" header="0.31496062992125984" footer="0.31496062992125984"/>
  <pageSetup paperSize="9" scale="60" orientation="portrait" r:id="rId1"/>
  <headerFooter>
    <oddHeader>&amp;C&amp;"Arial,Normálne"&amp;16CENOVÁ PONUKA&amp;14
pre účel
prípravnej trhovej konzultácie a predbežného zapojenia záujemcov alebo uchádzačov (ďalej aj "PTK")</oddHeader>
    <oddFooter>&amp;CStrana &amp;P z &amp;N</oddFooter>
  </headerFooter>
  <rowBreaks count="1" manualBreakCount="1">
    <brk id="57"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52</xdr:row>
                    <xdr:rowOff>9525</xdr:rowOff>
                  </from>
                  <to>
                    <xdr:col>1</xdr:col>
                    <xdr:colOff>885825</xdr:colOff>
                    <xdr:row>5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53</xdr:row>
                    <xdr:rowOff>0</xdr:rowOff>
                  </from>
                  <to>
                    <xdr:col>1</xdr:col>
                    <xdr:colOff>885825</xdr:colOff>
                    <xdr:row>5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5-04-07T12:20:57Z</cp:lastPrinted>
  <dcterms:created xsi:type="dcterms:W3CDTF">2017-04-21T05:51:15Z</dcterms:created>
  <dcterms:modified xsi:type="dcterms:W3CDTF">2025-04-07T12:21:05Z</dcterms:modified>
</cp:coreProperties>
</file>